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theme/themeOverride3.xml" ContentType="application/vnd.openxmlformats-officedocument.themeOverr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84" r:id="rId2"/>
  </p:sldMasterIdLst>
  <p:notesMasterIdLst>
    <p:notesMasterId r:id="rId23"/>
  </p:notesMasterIdLst>
  <p:sldIdLst>
    <p:sldId id="256" r:id="rId3"/>
    <p:sldId id="257" r:id="rId4"/>
    <p:sldId id="258" r:id="rId5"/>
    <p:sldId id="260" r:id="rId6"/>
    <p:sldId id="259" r:id="rId7"/>
    <p:sldId id="276" r:id="rId8"/>
    <p:sldId id="282" r:id="rId9"/>
    <p:sldId id="279" r:id="rId10"/>
    <p:sldId id="280" r:id="rId11"/>
    <p:sldId id="281" r:id="rId12"/>
    <p:sldId id="264" r:id="rId13"/>
    <p:sldId id="262" r:id="rId14"/>
    <p:sldId id="263" r:id="rId15"/>
    <p:sldId id="287" r:id="rId16"/>
    <p:sldId id="286" r:id="rId17"/>
    <p:sldId id="285" r:id="rId18"/>
    <p:sldId id="275" r:id="rId19"/>
    <p:sldId id="278" r:id="rId20"/>
    <p:sldId id="272" r:id="rId21"/>
    <p:sldId id="273" r:id="rId22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2AD0EB9-AE22-441A-A696-9070B00F63DF}" v="192" dt="2019-05-09T19:30:20.659"/>
    <p1510:client id="{A2E49E8F-F6C7-49B6-B177-4B6ECF66BA5F}" v="2" dt="2019-05-10T18:31:14.002"/>
  </p1510:revLst>
</p1510:revInfo>
</file>

<file path=ppt/tableStyles.xml><?xml version="1.0" encoding="utf-8"?>
<a:tblStyleLst xmlns:a="http://schemas.openxmlformats.org/drawingml/2006/main" def="{5C22544A-7EE6-4342-B048-85BDC9FD1C3A}"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56" d="100"/>
          <a:sy n="56" d="100"/>
        </p:scale>
        <p:origin x="696" y="3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theme" Target="theme/theme1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presProps" Target="pres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notesMaster" Target="notesMasters/notesMaster1.xml"/><Relationship Id="rId28" Type="http://schemas.microsoft.com/office/2016/11/relationships/changesInfo" Target="changesInfos/changesInfo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eniamin Bia" userId="39a36cc4-1692-4dc2-a02c-9c9ee3cd7a9f" providerId="ADAL" clId="{A2E49E8F-F6C7-49B6-B177-4B6ECF66BA5F}"/>
    <pc:docChg chg="modSld">
      <pc:chgData name="Beniamin Bia" userId="39a36cc4-1692-4dc2-a02c-9c9ee3cd7a9f" providerId="ADAL" clId="{A2E49E8F-F6C7-49B6-B177-4B6ECF66BA5F}" dt="2019-05-10T18:31:14.002" v="1" actId="27918"/>
      <pc:docMkLst>
        <pc:docMk/>
      </pc:docMkLst>
      <pc:sldChg chg="mod">
        <pc:chgData name="Beniamin Bia" userId="39a36cc4-1692-4dc2-a02c-9c9ee3cd7a9f" providerId="ADAL" clId="{A2E49E8F-F6C7-49B6-B177-4B6ECF66BA5F}" dt="2019-05-10T18:31:14.002" v="1" actId="27918"/>
        <pc:sldMkLst>
          <pc:docMk/>
          <pc:sldMk cId="3686517060" sldId="281"/>
        </pc:sldMkLst>
      </pc:sldChg>
    </pc:docChg>
  </pc:docChgLst>
  <pc:docChgLst>
    <pc:chgData name="Beniamin Bia" userId="39a36cc4-1692-4dc2-a02c-9c9ee3cd7a9f" providerId="ADAL" clId="{B2AD0EB9-AE22-441A-A696-9070B00F63DF}"/>
    <pc:docChg chg="undo redo custSel mod addSld delSld modSld sldOrd">
      <pc:chgData name="Beniamin Bia" userId="39a36cc4-1692-4dc2-a02c-9c9ee3cd7a9f" providerId="ADAL" clId="{B2AD0EB9-AE22-441A-A696-9070B00F63DF}" dt="2019-05-09T19:30:24.277" v="1098" actId="27636"/>
      <pc:docMkLst>
        <pc:docMk/>
      </pc:docMkLst>
      <pc:sldChg chg="addSp delSp modSp">
        <pc:chgData name="Beniamin Bia" userId="39a36cc4-1692-4dc2-a02c-9c9ee3cd7a9f" providerId="ADAL" clId="{B2AD0EB9-AE22-441A-A696-9070B00F63DF}" dt="2019-05-09T19:30:24.277" v="1098" actId="27636"/>
        <pc:sldMkLst>
          <pc:docMk/>
          <pc:sldMk cId="2033026036" sldId="256"/>
        </pc:sldMkLst>
        <pc:spChg chg="mod">
          <ac:chgData name="Beniamin Bia" userId="39a36cc4-1692-4dc2-a02c-9c9ee3cd7a9f" providerId="ADAL" clId="{B2AD0EB9-AE22-441A-A696-9070B00F63DF}" dt="2019-05-09T19:30:24.277" v="1098" actId="27636"/>
          <ac:spMkLst>
            <pc:docMk/>
            <pc:sldMk cId="2033026036" sldId="256"/>
            <ac:spMk id="3" creationId="{4E7AE759-F654-42D7-ACAD-8A4DD3B92B46}"/>
          </ac:spMkLst>
        </pc:spChg>
        <pc:spChg chg="add mod">
          <ac:chgData name="Beniamin Bia" userId="39a36cc4-1692-4dc2-a02c-9c9ee3cd7a9f" providerId="ADAL" clId="{B2AD0EB9-AE22-441A-A696-9070B00F63DF}" dt="2019-05-02T11:15:24.760" v="224" actId="1076"/>
          <ac:spMkLst>
            <pc:docMk/>
            <pc:sldMk cId="2033026036" sldId="256"/>
            <ac:spMk id="5" creationId="{BEA555A9-50B1-4B01-B4B4-A2496DD75DBD}"/>
          </ac:spMkLst>
        </pc:spChg>
        <pc:spChg chg="mod">
          <ac:chgData name="Beniamin Bia" userId="39a36cc4-1692-4dc2-a02c-9c9ee3cd7a9f" providerId="ADAL" clId="{B2AD0EB9-AE22-441A-A696-9070B00F63DF}" dt="2019-05-07T19:11:07.883" v="844" actId="207"/>
          <ac:spMkLst>
            <pc:docMk/>
            <pc:sldMk cId="2033026036" sldId="256"/>
            <ac:spMk id="10" creationId="{6F886215-BBAB-4AE4-8C6F-F50082FC2BCC}"/>
          </ac:spMkLst>
        </pc:spChg>
        <pc:picChg chg="del mod">
          <ac:chgData name="Beniamin Bia" userId="39a36cc4-1692-4dc2-a02c-9c9ee3cd7a9f" providerId="ADAL" clId="{B2AD0EB9-AE22-441A-A696-9070B00F63DF}" dt="2019-05-08T07:54:43.001" v="980" actId="478"/>
          <ac:picMkLst>
            <pc:docMk/>
            <pc:sldMk cId="2033026036" sldId="256"/>
            <ac:picMk id="4" creationId="{C0C1DD19-F92E-48C0-9857-7C2A3F3143A2}"/>
          </ac:picMkLst>
        </pc:picChg>
        <pc:picChg chg="add">
          <ac:chgData name="Beniamin Bia" userId="39a36cc4-1692-4dc2-a02c-9c9ee3cd7a9f" providerId="ADAL" clId="{B2AD0EB9-AE22-441A-A696-9070B00F63DF}" dt="2019-05-08T07:54:41.150" v="979"/>
          <ac:picMkLst>
            <pc:docMk/>
            <pc:sldMk cId="2033026036" sldId="256"/>
            <ac:picMk id="12" creationId="{39FD51C8-8004-48BB-AC8F-3444CD45EE67}"/>
          </ac:picMkLst>
        </pc:picChg>
      </pc:sldChg>
      <pc:sldChg chg="addSp delSp modSp mod setBg">
        <pc:chgData name="Beniamin Bia" userId="39a36cc4-1692-4dc2-a02c-9c9ee3cd7a9f" providerId="ADAL" clId="{B2AD0EB9-AE22-441A-A696-9070B00F63DF}" dt="2019-05-07T21:18:55.263" v="977" actId="14100"/>
        <pc:sldMkLst>
          <pc:docMk/>
          <pc:sldMk cId="863431882" sldId="257"/>
        </pc:sldMkLst>
        <pc:spChg chg="mod">
          <ac:chgData name="Beniamin Bia" userId="39a36cc4-1692-4dc2-a02c-9c9ee3cd7a9f" providerId="ADAL" clId="{B2AD0EB9-AE22-441A-A696-9070B00F63DF}" dt="2019-05-02T11:37:44.637" v="501" actId="26606"/>
          <ac:spMkLst>
            <pc:docMk/>
            <pc:sldMk cId="863431882" sldId="257"/>
            <ac:spMk id="2" creationId="{3D5C5D1E-D716-4915-8E78-48DC710F0F4D}"/>
          </ac:spMkLst>
        </pc:spChg>
        <pc:spChg chg="mod">
          <ac:chgData name="Beniamin Bia" userId="39a36cc4-1692-4dc2-a02c-9c9ee3cd7a9f" providerId="ADAL" clId="{B2AD0EB9-AE22-441A-A696-9070B00F63DF}" dt="2019-05-02T11:37:44.637" v="501" actId="26606"/>
          <ac:spMkLst>
            <pc:docMk/>
            <pc:sldMk cId="863431882" sldId="257"/>
            <ac:spMk id="3" creationId="{FB0F5CCD-DD6E-4723-BB75-67178DDA4590}"/>
          </ac:spMkLst>
        </pc:spChg>
        <pc:picChg chg="add del mod">
          <ac:chgData name="Beniamin Bia" userId="39a36cc4-1692-4dc2-a02c-9c9ee3cd7a9f" providerId="ADAL" clId="{B2AD0EB9-AE22-441A-A696-9070B00F63DF}" dt="2019-05-07T21:18:50.531" v="975" actId="478"/>
          <ac:picMkLst>
            <pc:docMk/>
            <pc:sldMk cId="863431882" sldId="257"/>
            <ac:picMk id="5" creationId="{29A4DDBA-8DD4-458D-8DC3-AA159E930A38}"/>
          </ac:picMkLst>
        </pc:picChg>
        <pc:picChg chg="add mod">
          <ac:chgData name="Beniamin Bia" userId="39a36cc4-1692-4dc2-a02c-9c9ee3cd7a9f" providerId="ADAL" clId="{B2AD0EB9-AE22-441A-A696-9070B00F63DF}" dt="2019-05-07T21:18:55.263" v="977" actId="14100"/>
          <ac:picMkLst>
            <pc:docMk/>
            <pc:sldMk cId="863431882" sldId="257"/>
            <ac:picMk id="6" creationId="{C146EBF7-DE45-4AAF-BBCA-D340C64FE848}"/>
          </ac:picMkLst>
        </pc:picChg>
        <pc:cxnChg chg="add del">
          <ac:chgData name="Beniamin Bia" userId="39a36cc4-1692-4dc2-a02c-9c9ee3cd7a9f" providerId="ADAL" clId="{B2AD0EB9-AE22-441A-A696-9070B00F63DF}" dt="2019-05-02T11:37:44.637" v="501" actId="26606"/>
          <ac:cxnSpMkLst>
            <pc:docMk/>
            <pc:sldMk cId="863431882" sldId="257"/>
            <ac:cxnSpMk id="10" creationId="{E4A809D5-3600-46D4-A466-67F2349A54FB}"/>
          </ac:cxnSpMkLst>
        </pc:cxnChg>
      </pc:sldChg>
      <pc:sldChg chg="delSp modSp">
        <pc:chgData name="Beniamin Bia" userId="39a36cc4-1692-4dc2-a02c-9c9ee3cd7a9f" providerId="ADAL" clId="{B2AD0EB9-AE22-441A-A696-9070B00F63DF}" dt="2019-05-02T11:39:21.265" v="528" actId="1076"/>
        <pc:sldMkLst>
          <pc:docMk/>
          <pc:sldMk cId="84575485" sldId="258"/>
        </pc:sldMkLst>
        <pc:spChg chg="mod">
          <ac:chgData name="Beniamin Bia" userId="39a36cc4-1692-4dc2-a02c-9c9ee3cd7a9f" providerId="ADAL" clId="{B2AD0EB9-AE22-441A-A696-9070B00F63DF}" dt="2019-05-02T11:39:21.265" v="528" actId="1076"/>
          <ac:spMkLst>
            <pc:docMk/>
            <pc:sldMk cId="84575485" sldId="258"/>
            <ac:spMk id="2" creationId="{5989B662-E084-45BA-87FF-8591E6B60CD5}"/>
          </ac:spMkLst>
        </pc:spChg>
        <pc:spChg chg="mod">
          <ac:chgData name="Beniamin Bia" userId="39a36cc4-1692-4dc2-a02c-9c9ee3cd7a9f" providerId="ADAL" clId="{B2AD0EB9-AE22-441A-A696-9070B00F63DF}" dt="2019-05-02T11:39:10.944" v="526" actId="1076"/>
          <ac:spMkLst>
            <pc:docMk/>
            <pc:sldMk cId="84575485" sldId="258"/>
            <ac:spMk id="3" creationId="{8B4B20DD-2A16-415A-AF0D-CD674C3C9D63}"/>
          </ac:spMkLst>
        </pc:spChg>
        <pc:spChg chg="mod">
          <ac:chgData name="Beniamin Bia" userId="39a36cc4-1692-4dc2-a02c-9c9ee3cd7a9f" providerId="ADAL" clId="{B2AD0EB9-AE22-441A-A696-9070B00F63DF}" dt="2019-05-02T11:39:08.424" v="525" actId="1076"/>
          <ac:spMkLst>
            <pc:docMk/>
            <pc:sldMk cId="84575485" sldId="258"/>
            <ac:spMk id="10" creationId="{E910CEB6-5D5C-42B4-9473-07E968760E8D}"/>
          </ac:spMkLst>
        </pc:spChg>
        <pc:spChg chg="del mod">
          <ac:chgData name="Beniamin Bia" userId="39a36cc4-1692-4dc2-a02c-9c9ee3cd7a9f" providerId="ADAL" clId="{B2AD0EB9-AE22-441A-A696-9070B00F63DF}" dt="2019-05-02T11:38:49.877" v="516"/>
          <ac:spMkLst>
            <pc:docMk/>
            <pc:sldMk cId="84575485" sldId="258"/>
            <ac:spMk id="13" creationId="{168C38BC-86A1-485C-A9C0-636E26928887}"/>
          </ac:spMkLst>
        </pc:spChg>
        <pc:picChg chg="mod">
          <ac:chgData name="Beniamin Bia" userId="39a36cc4-1692-4dc2-a02c-9c9ee3cd7a9f" providerId="ADAL" clId="{B2AD0EB9-AE22-441A-A696-9070B00F63DF}" dt="2019-05-02T11:39:05.265" v="524" actId="14100"/>
          <ac:picMkLst>
            <pc:docMk/>
            <pc:sldMk cId="84575485" sldId="258"/>
            <ac:picMk id="5" creationId="{3A3A76ED-EA23-4143-B4D3-2AEB34A07637}"/>
          </ac:picMkLst>
        </pc:picChg>
        <pc:picChg chg="mod">
          <ac:chgData name="Beniamin Bia" userId="39a36cc4-1692-4dc2-a02c-9c9ee3cd7a9f" providerId="ADAL" clId="{B2AD0EB9-AE22-441A-A696-9070B00F63DF}" dt="2019-05-02T11:39:00.570" v="521" actId="14100"/>
          <ac:picMkLst>
            <pc:docMk/>
            <pc:sldMk cId="84575485" sldId="258"/>
            <ac:picMk id="7" creationId="{AF4C2251-0A78-49C5-95EE-9F2CF078A514}"/>
          </ac:picMkLst>
        </pc:picChg>
        <pc:picChg chg="del mod">
          <ac:chgData name="Beniamin Bia" userId="39a36cc4-1692-4dc2-a02c-9c9ee3cd7a9f" providerId="ADAL" clId="{B2AD0EB9-AE22-441A-A696-9070B00F63DF}" dt="2019-05-02T11:38:49.877" v="516"/>
          <ac:picMkLst>
            <pc:docMk/>
            <pc:sldMk cId="84575485" sldId="258"/>
            <ac:picMk id="12" creationId="{285C7427-10C3-471B-974C-35787B953586}"/>
          </ac:picMkLst>
        </pc:picChg>
      </pc:sldChg>
      <pc:sldChg chg="delSp modSp">
        <pc:chgData name="Beniamin Bia" userId="39a36cc4-1692-4dc2-a02c-9c9ee3cd7a9f" providerId="ADAL" clId="{B2AD0EB9-AE22-441A-A696-9070B00F63DF}" dt="2019-05-07T19:21:45.407" v="944" actId="14100"/>
        <pc:sldMkLst>
          <pc:docMk/>
          <pc:sldMk cId="3684847218" sldId="259"/>
        </pc:sldMkLst>
        <pc:spChg chg="mod">
          <ac:chgData name="Beniamin Bia" userId="39a36cc4-1692-4dc2-a02c-9c9ee3cd7a9f" providerId="ADAL" clId="{B2AD0EB9-AE22-441A-A696-9070B00F63DF}" dt="2019-05-07T19:21:26.213" v="934" actId="26606"/>
          <ac:spMkLst>
            <pc:docMk/>
            <pc:sldMk cId="3684847218" sldId="259"/>
            <ac:spMk id="2" creationId="{3C3B8ED6-7A77-468E-AD2A-F954EFFDA0B3}"/>
          </ac:spMkLst>
        </pc:spChg>
        <pc:spChg chg="mod">
          <ac:chgData name="Beniamin Bia" userId="39a36cc4-1692-4dc2-a02c-9c9ee3cd7a9f" providerId="ADAL" clId="{B2AD0EB9-AE22-441A-A696-9070B00F63DF}" dt="2019-05-02T14:34:43.086" v="665" actId="20577"/>
          <ac:spMkLst>
            <pc:docMk/>
            <pc:sldMk cId="3684847218" sldId="259"/>
            <ac:spMk id="3" creationId="{E698581C-33B9-45D8-99AC-6C482FCE51AC}"/>
          </ac:spMkLst>
        </pc:spChg>
        <pc:spChg chg="del">
          <ac:chgData name="Beniamin Bia" userId="39a36cc4-1692-4dc2-a02c-9c9ee3cd7a9f" providerId="ADAL" clId="{B2AD0EB9-AE22-441A-A696-9070B00F63DF}" dt="2019-05-07T19:21:26.213" v="934" actId="26606"/>
          <ac:spMkLst>
            <pc:docMk/>
            <pc:sldMk cId="3684847218" sldId="259"/>
            <ac:spMk id="24" creationId="{46C2E80F-49A6-4372-B103-219D417A55ED}"/>
          </ac:spMkLst>
        </pc:spChg>
        <pc:graphicFrameChg chg="mod modGraphic">
          <ac:chgData name="Beniamin Bia" userId="39a36cc4-1692-4dc2-a02c-9c9ee3cd7a9f" providerId="ADAL" clId="{B2AD0EB9-AE22-441A-A696-9070B00F63DF}" dt="2019-05-07T19:21:45.407" v="944" actId="14100"/>
          <ac:graphicFrameMkLst>
            <pc:docMk/>
            <pc:sldMk cId="3684847218" sldId="259"/>
            <ac:graphicFrameMk id="12" creationId="{A8A1D2AC-492C-4286-A9F9-737C9E74CD19}"/>
          </ac:graphicFrameMkLst>
        </pc:graphicFrameChg>
      </pc:sldChg>
      <pc:sldChg chg="addSp delSp modSp add">
        <pc:chgData name="Beniamin Bia" userId="39a36cc4-1692-4dc2-a02c-9c9ee3cd7a9f" providerId="ADAL" clId="{B2AD0EB9-AE22-441A-A696-9070B00F63DF}" dt="2019-05-02T11:40:16.456" v="545" actId="1076"/>
        <pc:sldMkLst>
          <pc:docMk/>
          <pc:sldMk cId="3111679288" sldId="260"/>
        </pc:sldMkLst>
        <pc:spChg chg="del">
          <ac:chgData name="Beniamin Bia" userId="39a36cc4-1692-4dc2-a02c-9c9ee3cd7a9f" providerId="ADAL" clId="{B2AD0EB9-AE22-441A-A696-9070B00F63DF}" dt="2019-05-02T11:39:18.093" v="527" actId="478"/>
          <ac:spMkLst>
            <pc:docMk/>
            <pc:sldMk cId="3111679288" sldId="260"/>
            <ac:spMk id="2" creationId="{84769392-1A11-4567-B13C-2A1BA037AD52}"/>
          </ac:spMkLst>
        </pc:spChg>
        <pc:spChg chg="mod">
          <ac:chgData name="Beniamin Bia" userId="39a36cc4-1692-4dc2-a02c-9c9ee3cd7a9f" providerId="ADAL" clId="{B2AD0EB9-AE22-441A-A696-9070B00F63DF}" dt="2019-05-02T11:40:16.456" v="545" actId="1076"/>
          <ac:spMkLst>
            <pc:docMk/>
            <pc:sldMk cId="3111679288" sldId="260"/>
            <ac:spMk id="3" creationId="{896F31DC-970D-4C37-9033-4640E1D1EB07}"/>
          </ac:spMkLst>
        </pc:spChg>
        <pc:spChg chg="add mod">
          <ac:chgData name="Beniamin Bia" userId="39a36cc4-1692-4dc2-a02c-9c9ee3cd7a9f" providerId="ADAL" clId="{B2AD0EB9-AE22-441A-A696-9070B00F63DF}" dt="2019-05-02T11:40:06.223" v="541" actId="1076"/>
          <ac:spMkLst>
            <pc:docMk/>
            <pc:sldMk cId="3111679288" sldId="260"/>
            <ac:spMk id="7" creationId="{5AB79883-1591-4D47-BB4A-6F171878FDA8}"/>
          </ac:spMkLst>
        </pc:spChg>
        <pc:spChg chg="add mod">
          <ac:chgData name="Beniamin Bia" userId="39a36cc4-1692-4dc2-a02c-9c9ee3cd7a9f" providerId="ADAL" clId="{B2AD0EB9-AE22-441A-A696-9070B00F63DF}" dt="2019-05-02T11:39:24.561" v="530" actId="1076"/>
          <ac:spMkLst>
            <pc:docMk/>
            <pc:sldMk cId="3111679288" sldId="260"/>
            <ac:spMk id="8" creationId="{CE618032-DC99-412B-8FDC-636042799FF6}"/>
          </ac:spMkLst>
        </pc:spChg>
        <pc:picChg chg="add mod">
          <ac:chgData name="Beniamin Bia" userId="39a36cc4-1692-4dc2-a02c-9c9ee3cd7a9f" providerId="ADAL" clId="{B2AD0EB9-AE22-441A-A696-9070B00F63DF}" dt="2019-05-02T11:40:09.289" v="542" actId="14100"/>
          <ac:picMkLst>
            <pc:docMk/>
            <pc:sldMk cId="3111679288" sldId="260"/>
            <ac:picMk id="5" creationId="{D3865C4C-3064-4747-947A-713DFA69BB74}"/>
          </ac:picMkLst>
        </pc:picChg>
        <pc:picChg chg="add mod modCrop">
          <ac:chgData name="Beniamin Bia" userId="39a36cc4-1692-4dc2-a02c-9c9ee3cd7a9f" providerId="ADAL" clId="{B2AD0EB9-AE22-441A-A696-9070B00F63DF}" dt="2019-05-02T11:40:03.620" v="540" actId="14100"/>
          <ac:picMkLst>
            <pc:docMk/>
            <pc:sldMk cId="3111679288" sldId="260"/>
            <ac:picMk id="6" creationId="{2990C06F-3C18-4CDF-9641-AAB9F8E56E83}"/>
          </ac:picMkLst>
        </pc:picChg>
      </pc:sldChg>
      <pc:sldChg chg="addSp delSp modSp add mod">
        <pc:chgData name="Beniamin Bia" userId="39a36cc4-1692-4dc2-a02c-9c9ee3cd7a9f" providerId="ADAL" clId="{B2AD0EB9-AE22-441A-A696-9070B00F63DF}" dt="2019-05-02T11:41:46.145" v="548" actId="14100"/>
        <pc:sldMkLst>
          <pc:docMk/>
          <pc:sldMk cId="2925966152" sldId="262"/>
        </pc:sldMkLst>
        <pc:spChg chg="del">
          <ac:chgData name="Beniamin Bia" userId="39a36cc4-1692-4dc2-a02c-9c9ee3cd7a9f" providerId="ADAL" clId="{B2AD0EB9-AE22-441A-A696-9070B00F63DF}" dt="2019-05-02T10:57:38.039" v="73" actId="478"/>
          <ac:spMkLst>
            <pc:docMk/>
            <pc:sldMk cId="2925966152" sldId="262"/>
            <ac:spMk id="2" creationId="{92EEF967-3B09-4962-A684-7CD6CB460396}"/>
          </ac:spMkLst>
        </pc:spChg>
        <pc:spChg chg="del">
          <ac:chgData name="Beniamin Bia" userId="39a36cc4-1692-4dc2-a02c-9c9ee3cd7a9f" providerId="ADAL" clId="{B2AD0EB9-AE22-441A-A696-9070B00F63DF}" dt="2019-05-02T10:57:37.318" v="72" actId="478"/>
          <ac:spMkLst>
            <pc:docMk/>
            <pc:sldMk cId="2925966152" sldId="262"/>
            <ac:spMk id="3" creationId="{8A4F3A38-DB48-4729-AE6A-E153503FB69C}"/>
          </ac:spMkLst>
        </pc:spChg>
        <pc:spChg chg="add mod">
          <ac:chgData name="Beniamin Bia" userId="39a36cc4-1692-4dc2-a02c-9c9ee3cd7a9f" providerId="ADAL" clId="{B2AD0EB9-AE22-441A-A696-9070B00F63DF}" dt="2019-05-02T10:57:41.491" v="75" actId="1076"/>
          <ac:spMkLst>
            <pc:docMk/>
            <pc:sldMk cId="2925966152" sldId="262"/>
            <ac:spMk id="4" creationId="{B63096D4-385F-4F3F-B6AE-DCE3A80D22D1}"/>
          </ac:spMkLst>
        </pc:spChg>
        <pc:spChg chg="add mod">
          <ac:chgData name="Beniamin Bia" userId="39a36cc4-1692-4dc2-a02c-9c9ee3cd7a9f" providerId="ADAL" clId="{B2AD0EB9-AE22-441A-A696-9070B00F63DF}" dt="2019-05-02T11:17:10.608" v="246" actId="1076"/>
          <ac:spMkLst>
            <pc:docMk/>
            <pc:sldMk cId="2925966152" sldId="262"/>
            <ac:spMk id="9" creationId="{82EFAA2C-4A53-4907-8DDA-631BB2ED242C}"/>
          </ac:spMkLst>
        </pc:spChg>
        <pc:spChg chg="add mod">
          <ac:chgData name="Beniamin Bia" userId="39a36cc4-1692-4dc2-a02c-9c9ee3cd7a9f" providerId="ADAL" clId="{B2AD0EB9-AE22-441A-A696-9070B00F63DF}" dt="2019-05-02T11:17:27.522" v="249" actId="1076"/>
          <ac:spMkLst>
            <pc:docMk/>
            <pc:sldMk cId="2925966152" sldId="262"/>
            <ac:spMk id="10" creationId="{1913BE1A-CF93-4AB1-8ED0-8383CECCFFBE}"/>
          </ac:spMkLst>
        </pc:spChg>
        <pc:graphicFrameChg chg="add mod">
          <ac:chgData name="Beniamin Bia" userId="39a36cc4-1692-4dc2-a02c-9c9ee3cd7a9f" providerId="ADAL" clId="{B2AD0EB9-AE22-441A-A696-9070B00F63DF}" dt="2019-05-02T10:57:41.491" v="75" actId="1076"/>
          <ac:graphicFrameMkLst>
            <pc:docMk/>
            <pc:sldMk cId="2925966152" sldId="262"/>
            <ac:graphicFrameMk id="5" creationId="{298A9ADB-DDB2-43EE-A554-0831640B75B2}"/>
          </ac:graphicFrameMkLst>
        </pc:graphicFrameChg>
        <pc:graphicFrameChg chg="mod">
          <ac:chgData name="Beniamin Bia" userId="39a36cc4-1692-4dc2-a02c-9c9ee3cd7a9f" providerId="ADAL" clId="{B2AD0EB9-AE22-441A-A696-9070B00F63DF}" dt="2019-05-02T11:17:34.171" v="251" actId="1076"/>
          <ac:graphicFrameMkLst>
            <pc:docMk/>
            <pc:sldMk cId="2925966152" sldId="262"/>
            <ac:graphicFrameMk id="6" creationId="{298A9ADB-DDB2-43EE-A554-0831640B75B2}"/>
          </ac:graphicFrameMkLst>
        </pc:graphicFrameChg>
        <pc:graphicFrameChg chg="add mod">
          <ac:chgData name="Beniamin Bia" userId="39a36cc4-1692-4dc2-a02c-9c9ee3cd7a9f" providerId="ADAL" clId="{B2AD0EB9-AE22-441A-A696-9070B00F63DF}" dt="2019-05-02T11:41:46.145" v="548" actId="14100"/>
          <ac:graphicFrameMkLst>
            <pc:docMk/>
            <pc:sldMk cId="2925966152" sldId="262"/>
            <ac:graphicFrameMk id="11" creationId="{9EDCBDF1-FE0D-42EB-90F1-BE3F5C14F82A}"/>
          </ac:graphicFrameMkLst>
        </pc:graphicFrameChg>
        <pc:picChg chg="add del mod">
          <ac:chgData name="Beniamin Bia" userId="39a36cc4-1692-4dc2-a02c-9c9ee3cd7a9f" providerId="ADAL" clId="{B2AD0EB9-AE22-441A-A696-9070B00F63DF}" dt="2019-05-02T11:17:05.633" v="243"/>
          <ac:picMkLst>
            <pc:docMk/>
            <pc:sldMk cId="2925966152" sldId="262"/>
            <ac:picMk id="8" creationId="{C0766EBC-D066-4F11-8F5E-285BC2261137}"/>
          </ac:picMkLst>
        </pc:picChg>
      </pc:sldChg>
      <pc:sldChg chg="addSp delSp modSp add">
        <pc:chgData name="Beniamin Bia" userId="39a36cc4-1692-4dc2-a02c-9c9ee3cd7a9f" providerId="ADAL" clId="{B2AD0EB9-AE22-441A-A696-9070B00F63DF}" dt="2019-05-08T08:06:19.944" v="1026" actId="20577"/>
        <pc:sldMkLst>
          <pc:docMk/>
          <pc:sldMk cId="609712020" sldId="263"/>
        </pc:sldMkLst>
        <pc:spChg chg="del">
          <ac:chgData name="Beniamin Bia" userId="39a36cc4-1692-4dc2-a02c-9c9ee3cd7a9f" providerId="ADAL" clId="{B2AD0EB9-AE22-441A-A696-9070B00F63DF}" dt="2019-05-02T11:17:44.326" v="252" actId="478"/>
          <ac:spMkLst>
            <pc:docMk/>
            <pc:sldMk cId="609712020" sldId="263"/>
            <ac:spMk id="2" creationId="{244C04F1-F9D0-408B-802B-6D3D4DADD988}"/>
          </ac:spMkLst>
        </pc:spChg>
        <pc:spChg chg="del">
          <ac:chgData name="Beniamin Bia" userId="39a36cc4-1692-4dc2-a02c-9c9ee3cd7a9f" providerId="ADAL" clId="{B2AD0EB9-AE22-441A-A696-9070B00F63DF}" dt="2019-05-02T11:08:06.645" v="85"/>
          <ac:spMkLst>
            <pc:docMk/>
            <pc:sldMk cId="609712020" sldId="263"/>
            <ac:spMk id="3" creationId="{35982E0C-305D-4595-AB14-6E3C5FDE47B9}"/>
          </ac:spMkLst>
        </pc:spChg>
        <pc:spChg chg="add del">
          <ac:chgData name="Beniamin Bia" userId="39a36cc4-1692-4dc2-a02c-9c9ee3cd7a9f" providerId="ADAL" clId="{B2AD0EB9-AE22-441A-A696-9070B00F63DF}" dt="2019-05-02T11:08:01.895" v="84"/>
          <ac:spMkLst>
            <pc:docMk/>
            <pc:sldMk cId="609712020" sldId="263"/>
            <ac:spMk id="4" creationId="{23822FEE-6B69-42BA-902A-B124BCB0A0C8}"/>
          </ac:spMkLst>
        </pc:spChg>
        <pc:spChg chg="add del mod">
          <ac:chgData name="Beniamin Bia" userId="39a36cc4-1692-4dc2-a02c-9c9ee3cd7a9f" providerId="ADAL" clId="{B2AD0EB9-AE22-441A-A696-9070B00F63DF}" dt="2019-05-02T11:17:46.335" v="253" actId="478"/>
          <ac:spMkLst>
            <pc:docMk/>
            <pc:sldMk cId="609712020" sldId="263"/>
            <ac:spMk id="8" creationId="{24C54045-F1FE-449D-BF31-F89BEDDAB9E0}"/>
          </ac:spMkLst>
        </pc:spChg>
        <pc:spChg chg="add mod">
          <ac:chgData name="Beniamin Bia" userId="39a36cc4-1692-4dc2-a02c-9c9ee3cd7a9f" providerId="ADAL" clId="{B2AD0EB9-AE22-441A-A696-9070B00F63DF}" dt="2019-05-02T11:18:40.113" v="262" actId="14100"/>
          <ac:spMkLst>
            <pc:docMk/>
            <pc:sldMk cId="609712020" sldId="263"/>
            <ac:spMk id="10" creationId="{3E1D97FC-9E03-47C9-A938-DAE038DB4EA8}"/>
          </ac:spMkLst>
        </pc:spChg>
        <pc:graphicFrameChg chg="add del">
          <ac:chgData name="Beniamin Bia" userId="39a36cc4-1692-4dc2-a02c-9c9ee3cd7a9f" providerId="ADAL" clId="{B2AD0EB9-AE22-441A-A696-9070B00F63DF}" dt="2019-05-02T11:08:01.895" v="84"/>
          <ac:graphicFrameMkLst>
            <pc:docMk/>
            <pc:sldMk cId="609712020" sldId="263"/>
            <ac:graphicFrameMk id="5" creationId="{4D058349-9B36-48A4-9039-91DBDE73DA3C}"/>
          </ac:graphicFrameMkLst>
        </pc:graphicFrameChg>
        <pc:graphicFrameChg chg="add del mod">
          <ac:chgData name="Beniamin Bia" userId="39a36cc4-1692-4dc2-a02c-9c9ee3cd7a9f" providerId="ADAL" clId="{B2AD0EB9-AE22-441A-A696-9070B00F63DF}" dt="2019-05-02T11:08:12.912" v="86" actId="478"/>
          <ac:graphicFrameMkLst>
            <pc:docMk/>
            <pc:sldMk cId="609712020" sldId="263"/>
            <ac:graphicFrameMk id="6" creationId="{E9750F14-A31A-4E03-8B9F-9EFC05B2B144}"/>
          </ac:graphicFrameMkLst>
        </pc:graphicFrameChg>
        <pc:graphicFrameChg chg="add mod modGraphic">
          <ac:chgData name="Beniamin Bia" userId="39a36cc4-1692-4dc2-a02c-9c9ee3cd7a9f" providerId="ADAL" clId="{B2AD0EB9-AE22-441A-A696-9070B00F63DF}" dt="2019-05-08T08:06:19.944" v="1026" actId="20577"/>
          <ac:graphicFrameMkLst>
            <pc:docMk/>
            <pc:sldMk cId="609712020" sldId="263"/>
            <ac:graphicFrameMk id="9" creationId="{FC89E78F-AD4E-4E1E-BBE6-F6514093E21C}"/>
          </ac:graphicFrameMkLst>
        </pc:graphicFrameChg>
      </pc:sldChg>
      <pc:sldChg chg="addSp delSp modSp add ord">
        <pc:chgData name="Beniamin Bia" userId="39a36cc4-1692-4dc2-a02c-9c9ee3cd7a9f" providerId="ADAL" clId="{B2AD0EB9-AE22-441A-A696-9070B00F63DF}" dt="2019-05-02T14:34:54.036" v="666"/>
        <pc:sldMkLst>
          <pc:docMk/>
          <pc:sldMk cId="2858802405" sldId="264"/>
        </pc:sldMkLst>
        <pc:spChg chg="add del">
          <ac:chgData name="Beniamin Bia" userId="39a36cc4-1692-4dc2-a02c-9c9ee3cd7a9f" providerId="ADAL" clId="{B2AD0EB9-AE22-441A-A696-9070B00F63DF}" dt="2019-05-02T11:09:23.181" v="103" actId="478"/>
          <ac:spMkLst>
            <pc:docMk/>
            <pc:sldMk cId="2858802405" sldId="264"/>
            <ac:spMk id="2" creationId="{F8E45F41-949E-4C3D-BD28-324186805718}"/>
          </ac:spMkLst>
        </pc:spChg>
        <pc:spChg chg="add del">
          <ac:chgData name="Beniamin Bia" userId="39a36cc4-1692-4dc2-a02c-9c9ee3cd7a9f" providerId="ADAL" clId="{B2AD0EB9-AE22-441A-A696-9070B00F63DF}" dt="2019-05-02T11:09:24.924" v="104" actId="478"/>
          <ac:spMkLst>
            <pc:docMk/>
            <pc:sldMk cId="2858802405" sldId="264"/>
            <ac:spMk id="3" creationId="{C014EF98-2BB2-47D2-9AA0-990094E087C8}"/>
          </ac:spMkLst>
        </pc:spChg>
        <pc:spChg chg="add del mod">
          <ac:chgData name="Beniamin Bia" userId="39a36cc4-1692-4dc2-a02c-9c9ee3cd7a9f" providerId="ADAL" clId="{B2AD0EB9-AE22-441A-A696-9070B00F63DF}" dt="2019-05-02T11:09:20.845" v="102" actId="478"/>
          <ac:spMkLst>
            <pc:docMk/>
            <pc:sldMk cId="2858802405" sldId="264"/>
            <ac:spMk id="4" creationId="{0487890B-D624-4054-8F9B-DE20350CC76E}"/>
          </ac:spMkLst>
        </pc:spChg>
        <pc:picChg chg="add mod">
          <ac:chgData name="Beniamin Bia" userId="39a36cc4-1692-4dc2-a02c-9c9ee3cd7a9f" providerId="ADAL" clId="{B2AD0EB9-AE22-441A-A696-9070B00F63DF}" dt="2019-05-02T11:09:27.326" v="106" actId="1076"/>
          <ac:picMkLst>
            <pc:docMk/>
            <pc:sldMk cId="2858802405" sldId="264"/>
            <ac:picMk id="5" creationId="{33B8A97F-F863-46FB-B490-B7168F4421B6}"/>
          </ac:picMkLst>
        </pc:picChg>
      </pc:sldChg>
      <pc:sldChg chg="addSp delSp modSp add del">
        <pc:chgData name="Beniamin Bia" userId="39a36cc4-1692-4dc2-a02c-9c9ee3cd7a9f" providerId="ADAL" clId="{B2AD0EB9-AE22-441A-A696-9070B00F63DF}" dt="2019-05-08T09:07:39.802" v="1091" actId="2696"/>
        <pc:sldMkLst>
          <pc:docMk/>
          <pc:sldMk cId="3117824621" sldId="265"/>
        </pc:sldMkLst>
        <pc:spChg chg="del">
          <ac:chgData name="Beniamin Bia" userId="39a36cc4-1692-4dc2-a02c-9c9ee3cd7a9f" providerId="ADAL" clId="{B2AD0EB9-AE22-441A-A696-9070B00F63DF}" dt="2019-05-02T11:11:40.866" v="109" actId="478"/>
          <ac:spMkLst>
            <pc:docMk/>
            <pc:sldMk cId="3117824621" sldId="265"/>
            <ac:spMk id="2" creationId="{F13F0223-DDF6-41F0-976A-9F0BEEC7CD47}"/>
          </ac:spMkLst>
        </pc:spChg>
        <pc:spChg chg="del">
          <ac:chgData name="Beniamin Bia" userId="39a36cc4-1692-4dc2-a02c-9c9ee3cd7a9f" providerId="ADAL" clId="{B2AD0EB9-AE22-441A-A696-9070B00F63DF}" dt="2019-05-02T11:11:42.381" v="110" actId="478"/>
          <ac:spMkLst>
            <pc:docMk/>
            <pc:sldMk cId="3117824621" sldId="265"/>
            <ac:spMk id="3" creationId="{BF516089-BB33-4D0D-A85A-EA9D7AF4858B}"/>
          </ac:spMkLst>
        </pc:spChg>
        <pc:spChg chg="add">
          <ac:chgData name="Beniamin Bia" userId="39a36cc4-1692-4dc2-a02c-9c9ee3cd7a9f" providerId="ADAL" clId="{B2AD0EB9-AE22-441A-A696-9070B00F63DF}" dt="2019-05-02T11:11:39.192" v="108"/>
          <ac:spMkLst>
            <pc:docMk/>
            <pc:sldMk cId="3117824621" sldId="265"/>
            <ac:spMk id="4" creationId="{8A5B6D9B-1EE3-4BA3-8813-987063233BD6}"/>
          </ac:spMkLst>
        </pc:spChg>
        <pc:spChg chg="add mod">
          <ac:chgData name="Beniamin Bia" userId="39a36cc4-1692-4dc2-a02c-9c9ee3cd7a9f" providerId="ADAL" clId="{B2AD0EB9-AE22-441A-A696-9070B00F63DF}" dt="2019-05-08T09:02:18.231" v="1031" actId="20577"/>
          <ac:spMkLst>
            <pc:docMk/>
            <pc:sldMk cId="3117824621" sldId="265"/>
            <ac:spMk id="5" creationId="{1AAF1AAD-0206-48FB-89E0-CF8DC7B8EF9F}"/>
          </ac:spMkLst>
        </pc:spChg>
        <pc:picChg chg="add del mod">
          <ac:chgData name="Beniamin Bia" userId="39a36cc4-1692-4dc2-a02c-9c9ee3cd7a9f" providerId="ADAL" clId="{B2AD0EB9-AE22-441A-A696-9070B00F63DF}" dt="2019-05-08T09:06:53.869" v="1072"/>
          <ac:picMkLst>
            <pc:docMk/>
            <pc:sldMk cId="3117824621" sldId="265"/>
            <ac:picMk id="7" creationId="{36BD15AD-767E-4B92-9BBF-88A68B1D2439}"/>
          </ac:picMkLst>
        </pc:picChg>
      </pc:sldChg>
      <pc:sldChg chg="modSp add">
        <pc:chgData name="Beniamin Bia" userId="39a36cc4-1692-4dc2-a02c-9c9ee3cd7a9f" providerId="ADAL" clId="{B2AD0EB9-AE22-441A-A696-9070B00F63DF}" dt="2019-05-02T11:13:46.877" v="195" actId="20577"/>
        <pc:sldMkLst>
          <pc:docMk/>
          <pc:sldMk cId="0" sldId="272"/>
        </pc:sldMkLst>
        <pc:spChg chg="mod">
          <ac:chgData name="Beniamin Bia" userId="39a36cc4-1692-4dc2-a02c-9c9ee3cd7a9f" providerId="ADAL" clId="{B2AD0EB9-AE22-441A-A696-9070B00F63DF}" dt="2019-05-02T11:13:46.877" v="195" actId="20577"/>
          <ac:spMkLst>
            <pc:docMk/>
            <pc:sldMk cId="0" sldId="272"/>
            <ac:spMk id="330" creationId="{00000000-0000-0000-0000-000000000000}"/>
          </ac:spMkLst>
        </pc:spChg>
      </pc:sldChg>
      <pc:sldChg chg="addSp delSp modSp add setBg">
        <pc:chgData name="Beniamin Bia" userId="39a36cc4-1692-4dc2-a02c-9c9ee3cd7a9f" providerId="ADAL" clId="{B2AD0EB9-AE22-441A-A696-9070B00F63DF}" dt="2019-05-02T14:28:55.102" v="608" actId="1076"/>
        <pc:sldMkLst>
          <pc:docMk/>
          <pc:sldMk cId="0" sldId="273"/>
        </pc:sldMkLst>
        <pc:picChg chg="mod">
          <ac:chgData name="Beniamin Bia" userId="39a36cc4-1692-4dc2-a02c-9c9ee3cd7a9f" providerId="ADAL" clId="{B2AD0EB9-AE22-441A-A696-9070B00F63DF}" dt="2019-05-02T14:27:40.315" v="600" actId="1076"/>
          <ac:picMkLst>
            <pc:docMk/>
            <pc:sldMk cId="0" sldId="273"/>
            <ac:picMk id="3" creationId="{D8C18045-58A6-4944-8C4A-3D7DF2EE7A5C}"/>
          </ac:picMkLst>
        </pc:picChg>
        <pc:picChg chg="add mod modCrop">
          <ac:chgData name="Beniamin Bia" userId="39a36cc4-1692-4dc2-a02c-9c9ee3cd7a9f" providerId="ADAL" clId="{B2AD0EB9-AE22-441A-A696-9070B00F63DF}" dt="2019-05-02T14:27:31.996" v="596" actId="1076"/>
          <ac:picMkLst>
            <pc:docMk/>
            <pc:sldMk cId="0" sldId="273"/>
            <ac:picMk id="4" creationId="{A4D0B99B-F4E7-4415-8547-8C4DCFB7C983}"/>
          </ac:picMkLst>
        </pc:picChg>
        <pc:picChg chg="mod">
          <ac:chgData name="Beniamin Bia" userId="39a36cc4-1692-4dc2-a02c-9c9ee3cd7a9f" providerId="ADAL" clId="{B2AD0EB9-AE22-441A-A696-9070B00F63DF}" dt="2019-05-02T14:27:38.835" v="599" actId="1076"/>
          <ac:picMkLst>
            <pc:docMk/>
            <pc:sldMk cId="0" sldId="273"/>
            <ac:picMk id="341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7:20.097" v="592" actId="478"/>
          <ac:picMkLst>
            <pc:docMk/>
            <pc:sldMk cId="0" sldId="273"/>
            <ac:picMk id="342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7:11.997" v="589" actId="478"/>
          <ac:picMkLst>
            <pc:docMk/>
            <pc:sldMk cId="0" sldId="273"/>
            <ac:picMk id="343" creationId="{00000000-0000-0000-0000-000000000000}"/>
          </ac:picMkLst>
        </pc:picChg>
        <pc:picChg chg="mod">
          <ac:chgData name="Beniamin Bia" userId="39a36cc4-1692-4dc2-a02c-9c9ee3cd7a9f" providerId="ADAL" clId="{B2AD0EB9-AE22-441A-A696-9070B00F63DF}" dt="2019-05-02T14:27:30.367" v="595" actId="1076"/>
          <ac:picMkLst>
            <pc:docMk/>
            <pc:sldMk cId="0" sldId="273"/>
            <ac:picMk id="345" creationId="{00000000-0000-0000-0000-000000000000}"/>
          </ac:picMkLst>
        </pc:picChg>
        <pc:picChg chg="mod">
          <ac:chgData name="Beniamin Bia" userId="39a36cc4-1692-4dc2-a02c-9c9ee3cd7a9f" providerId="ADAL" clId="{B2AD0EB9-AE22-441A-A696-9070B00F63DF}" dt="2019-05-02T14:27:34.455" v="597" actId="1076"/>
          <ac:picMkLst>
            <pc:docMk/>
            <pc:sldMk cId="0" sldId="273"/>
            <ac:picMk id="346" creationId="{00000000-0000-0000-0000-000000000000}"/>
          </ac:picMkLst>
        </pc:picChg>
        <pc:picChg chg="del">
          <ac:chgData name="Beniamin Bia" userId="39a36cc4-1692-4dc2-a02c-9c9ee3cd7a9f" providerId="ADAL" clId="{B2AD0EB9-AE22-441A-A696-9070B00F63DF}" dt="2019-05-02T14:25:10.570" v="577" actId="478"/>
          <ac:picMkLst>
            <pc:docMk/>
            <pc:sldMk cId="0" sldId="273"/>
            <ac:picMk id="347" creationId="{00000000-0000-0000-0000-000000000000}"/>
          </ac:picMkLst>
        </pc:picChg>
        <pc:picChg chg="add mod">
          <ac:chgData name="Beniamin Bia" userId="39a36cc4-1692-4dc2-a02c-9c9ee3cd7a9f" providerId="ADAL" clId="{B2AD0EB9-AE22-441A-A696-9070B00F63DF}" dt="2019-05-02T14:28:55.102" v="608" actId="1076"/>
          <ac:picMkLst>
            <pc:docMk/>
            <pc:sldMk cId="0" sldId="273"/>
            <ac:picMk id="3074" creationId="{24135CA6-10F9-4F30-8F16-D23C0E92913F}"/>
          </ac:picMkLst>
        </pc:picChg>
      </pc:sldChg>
      <pc:sldChg chg="modSp add setBg">
        <pc:chgData name="Beniamin Bia" userId="39a36cc4-1692-4dc2-a02c-9c9ee3cd7a9f" providerId="ADAL" clId="{B2AD0EB9-AE22-441A-A696-9070B00F63DF}" dt="2019-05-02T11:42:20.516" v="576" actId="20577"/>
        <pc:sldMkLst>
          <pc:docMk/>
          <pc:sldMk cId="2351804214" sldId="275"/>
        </pc:sldMkLst>
        <pc:spChg chg="mod">
          <ac:chgData name="Beniamin Bia" userId="39a36cc4-1692-4dc2-a02c-9c9ee3cd7a9f" providerId="ADAL" clId="{B2AD0EB9-AE22-441A-A696-9070B00F63DF}" dt="2019-05-02T11:20:53.027" v="320" actId="20577"/>
          <ac:spMkLst>
            <pc:docMk/>
            <pc:sldMk cId="2351804214" sldId="275"/>
            <ac:spMk id="2" creationId="{370EF4E1-1057-4FDB-91CA-946FFF183A34}"/>
          </ac:spMkLst>
        </pc:spChg>
        <pc:spChg chg="mod">
          <ac:chgData name="Beniamin Bia" userId="39a36cc4-1692-4dc2-a02c-9c9ee3cd7a9f" providerId="ADAL" clId="{B2AD0EB9-AE22-441A-A696-9070B00F63DF}" dt="2019-05-02T11:21:02.797" v="345" actId="20577"/>
          <ac:spMkLst>
            <pc:docMk/>
            <pc:sldMk cId="2351804214" sldId="275"/>
            <ac:spMk id="5" creationId="{1E3A4B60-F588-4A55-B2EF-E13E306433EC}"/>
          </ac:spMkLst>
        </pc:spChg>
        <pc:spChg chg="mod">
          <ac:chgData name="Beniamin Bia" userId="39a36cc4-1692-4dc2-a02c-9c9ee3cd7a9f" providerId="ADAL" clId="{B2AD0EB9-AE22-441A-A696-9070B00F63DF}" dt="2019-05-02T11:21:33.866" v="378" actId="20577"/>
          <ac:spMkLst>
            <pc:docMk/>
            <pc:sldMk cId="2351804214" sldId="275"/>
            <ac:spMk id="6" creationId="{2A767988-7FE7-4CC5-9599-0286E694F1E9}"/>
          </ac:spMkLst>
        </pc:spChg>
        <pc:spChg chg="mod">
          <ac:chgData name="Beniamin Bia" userId="39a36cc4-1692-4dc2-a02c-9c9ee3cd7a9f" providerId="ADAL" clId="{B2AD0EB9-AE22-441A-A696-9070B00F63DF}" dt="2019-05-02T11:21:38.328" v="379" actId="20577"/>
          <ac:spMkLst>
            <pc:docMk/>
            <pc:sldMk cId="2351804214" sldId="275"/>
            <ac:spMk id="7" creationId="{A6C4C56A-850A-4011-8403-8039394C3029}"/>
          </ac:spMkLst>
        </pc:spChg>
        <pc:spChg chg="mod">
          <ac:chgData name="Beniamin Bia" userId="39a36cc4-1692-4dc2-a02c-9c9ee3cd7a9f" providerId="ADAL" clId="{B2AD0EB9-AE22-441A-A696-9070B00F63DF}" dt="2019-05-02T11:42:20.516" v="576" actId="20577"/>
          <ac:spMkLst>
            <pc:docMk/>
            <pc:sldMk cId="2351804214" sldId="275"/>
            <ac:spMk id="8" creationId="{F7582794-6C27-495C-9A85-505590A281A4}"/>
          </ac:spMkLst>
        </pc:spChg>
        <pc:spChg chg="mod">
          <ac:chgData name="Beniamin Bia" userId="39a36cc4-1692-4dc2-a02c-9c9ee3cd7a9f" providerId="ADAL" clId="{B2AD0EB9-AE22-441A-A696-9070B00F63DF}" dt="2019-05-02T11:22:42.120" v="491" actId="20577"/>
          <ac:spMkLst>
            <pc:docMk/>
            <pc:sldMk cId="2351804214" sldId="275"/>
            <ac:spMk id="9" creationId="{B3379F5B-6795-492B-8BC4-3A8628699096}"/>
          </ac:spMkLst>
        </pc:spChg>
        <pc:spChg chg="mod">
          <ac:chgData name="Beniamin Bia" userId="39a36cc4-1692-4dc2-a02c-9c9ee3cd7a9f" providerId="ADAL" clId="{B2AD0EB9-AE22-441A-A696-9070B00F63DF}" dt="2019-05-02T11:22:26.616" v="471" actId="14100"/>
          <ac:spMkLst>
            <pc:docMk/>
            <pc:sldMk cId="2351804214" sldId="275"/>
            <ac:spMk id="10" creationId="{461211F3-A10F-49D0-9266-E864127C95E3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1" creationId="{690C2D9E-661C-4445-965E-5EA2500A9D2C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2" creationId="{880BCA48-F66B-4DD2-8549-D9CB87C033F9}"/>
          </ac:spMkLst>
        </pc:spChg>
        <pc:spChg chg="mod">
          <ac:chgData name="Beniamin Bia" userId="39a36cc4-1692-4dc2-a02c-9c9ee3cd7a9f" providerId="ADAL" clId="{B2AD0EB9-AE22-441A-A696-9070B00F63DF}" dt="2019-05-02T11:13:00.085" v="128" actId="208"/>
          <ac:spMkLst>
            <pc:docMk/>
            <pc:sldMk cId="2351804214" sldId="275"/>
            <ac:spMk id="13" creationId="{42374313-3A0B-4FF3-8BD0-C2B2E73F689E}"/>
          </ac:spMkLst>
        </pc:sp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4" creationId="{86BA119B-B391-4593-BB7D-64D021D604C0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16" creationId="{4815F62A-9250-4545-8DD4-E2097444895B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18" creationId="{1DE59C25-4429-4FD8-9C2D-00D708CA4F8F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0" creationId="{ECB27ED9-1CC9-4E31-91D5-96879F28EFA8}"/>
          </ac:cxnSpMkLst>
        </pc:cxnChg>
        <pc:cxnChg chg="mod">
          <ac:chgData name="Beniamin Bia" userId="39a36cc4-1692-4dc2-a02c-9c9ee3cd7a9f" providerId="ADAL" clId="{B2AD0EB9-AE22-441A-A696-9070B00F63DF}" dt="2019-05-02T11:22:31.490" v="474" actId="14100"/>
          <ac:cxnSpMkLst>
            <pc:docMk/>
            <pc:sldMk cId="2351804214" sldId="275"/>
            <ac:cxnSpMk id="21" creationId="{50E2027E-0800-44C3-AE09-DF6DF14F96D1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2" creationId="{9C1A1584-BB2B-462E-95B2-E849B49F77CE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3" creationId="{67ED4F9F-3F8D-4E13-BF8A-EE27B1881035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4" creationId="{2F28235C-10B7-4278-B80B-0DCC5E4E4131}"/>
          </ac:cxnSpMkLst>
        </pc:cxnChg>
        <pc:cxnChg chg="mod">
          <ac:chgData name="Beniamin Bia" userId="39a36cc4-1692-4dc2-a02c-9c9ee3cd7a9f" providerId="ADAL" clId="{B2AD0EB9-AE22-441A-A696-9070B00F63DF}" dt="2019-05-02T11:13:13.751" v="129" actId="208"/>
          <ac:cxnSpMkLst>
            <pc:docMk/>
            <pc:sldMk cId="2351804214" sldId="275"/>
            <ac:cxnSpMk id="25" creationId="{1C4A855F-5C3A-4E1F-9314-4EFEB772BA61}"/>
          </ac:cxnSpMkLst>
        </pc:cxnChg>
      </pc:sldChg>
      <pc:sldChg chg="modSp add">
        <pc:chgData name="Beniamin Bia" userId="39a36cc4-1692-4dc2-a02c-9c9ee3cd7a9f" providerId="ADAL" clId="{B2AD0EB9-AE22-441A-A696-9070B00F63DF}" dt="2019-05-02T14:36:07.830" v="839" actId="6549"/>
        <pc:sldMkLst>
          <pc:docMk/>
          <pc:sldMk cId="2316292373" sldId="276"/>
        </pc:sldMkLst>
        <pc:spChg chg="mod">
          <ac:chgData name="Beniamin Bia" userId="39a36cc4-1692-4dc2-a02c-9c9ee3cd7a9f" providerId="ADAL" clId="{B2AD0EB9-AE22-441A-A696-9070B00F63DF}" dt="2019-05-02T14:35:07.534" v="679" actId="20577"/>
          <ac:spMkLst>
            <pc:docMk/>
            <pc:sldMk cId="2316292373" sldId="276"/>
            <ac:spMk id="2" creationId="{07C69651-1667-4901-A9C9-8B514D69777E}"/>
          </ac:spMkLst>
        </pc:spChg>
        <pc:spChg chg="mod">
          <ac:chgData name="Beniamin Bia" userId="39a36cc4-1692-4dc2-a02c-9c9ee3cd7a9f" providerId="ADAL" clId="{B2AD0EB9-AE22-441A-A696-9070B00F63DF}" dt="2019-05-02T14:36:07.830" v="839" actId="6549"/>
          <ac:spMkLst>
            <pc:docMk/>
            <pc:sldMk cId="2316292373" sldId="276"/>
            <ac:spMk id="3" creationId="{D48D18A9-2E45-45DD-B1D7-0008564E384F}"/>
          </ac:spMkLst>
        </pc:spChg>
      </pc:sldChg>
      <pc:sldChg chg="addSp modSp">
        <pc:chgData name="Beniamin Bia" userId="39a36cc4-1692-4dc2-a02c-9c9ee3cd7a9f" providerId="ADAL" clId="{B2AD0EB9-AE22-441A-A696-9070B00F63DF}" dt="2019-05-07T19:19:10.349" v="933" actId="207"/>
        <pc:sldMkLst>
          <pc:docMk/>
          <pc:sldMk cId="1680869479" sldId="278"/>
        </pc:sldMkLst>
        <pc:spChg chg="add mod">
          <ac:chgData name="Beniamin Bia" userId="39a36cc4-1692-4dc2-a02c-9c9ee3cd7a9f" providerId="ADAL" clId="{B2AD0EB9-AE22-441A-A696-9070B00F63DF}" dt="2019-05-07T19:19:10.349" v="933" actId="207"/>
          <ac:spMkLst>
            <pc:docMk/>
            <pc:sldMk cId="1680869479" sldId="278"/>
            <ac:spMk id="2" creationId="{C946C67D-B0B7-4C5B-B517-71AA28D1F701}"/>
          </ac:spMkLst>
        </pc:spChg>
      </pc:sldChg>
      <pc:sldChg chg="addSp delSp modSp mod setClrOvrMap">
        <pc:chgData name="Beniamin Bia" userId="39a36cc4-1692-4dc2-a02c-9c9ee3cd7a9f" providerId="ADAL" clId="{B2AD0EB9-AE22-441A-A696-9070B00F63DF}" dt="2019-05-08T07:55:37.475" v="983" actId="207"/>
        <pc:sldMkLst>
          <pc:docMk/>
          <pc:sldMk cId="121964965" sldId="279"/>
        </pc:sldMkLst>
        <pc:spChg chg="mod">
          <ac:chgData name="Beniamin Bia" userId="39a36cc4-1692-4dc2-a02c-9c9ee3cd7a9f" providerId="ADAL" clId="{B2AD0EB9-AE22-441A-A696-9070B00F63DF}" dt="2019-05-07T19:15:45.311" v="890" actId="26606"/>
          <ac:spMkLst>
            <pc:docMk/>
            <pc:sldMk cId="121964965" sldId="279"/>
            <ac:spMk id="4" creationId="{0487890B-D624-4054-8F9B-DE20350CC76E}"/>
          </ac:spMkLst>
        </pc:spChg>
        <pc:spChg chg="mod ord">
          <ac:chgData name="Beniamin Bia" userId="39a36cc4-1692-4dc2-a02c-9c9ee3cd7a9f" providerId="ADAL" clId="{B2AD0EB9-AE22-441A-A696-9070B00F63DF}" dt="2019-05-08T07:55:37.475" v="983" actId="207"/>
          <ac:spMkLst>
            <pc:docMk/>
            <pc:sldMk cId="121964965" sldId="279"/>
            <ac:spMk id="5" creationId="{C023B8A9-B9D0-4B50-843A-87ED49046A17}"/>
          </ac:spMkLst>
        </pc:spChg>
        <pc:spChg chg="del">
          <ac:chgData name="Beniamin Bia" userId="39a36cc4-1692-4dc2-a02c-9c9ee3cd7a9f" providerId="ADAL" clId="{B2AD0EB9-AE22-441A-A696-9070B00F63DF}" dt="2019-05-07T19:15:45.311" v="890" actId="26606"/>
          <ac:spMkLst>
            <pc:docMk/>
            <pc:sldMk cId="121964965" sldId="279"/>
            <ac:spMk id="16" creationId="{AB45A142-4255-493C-8284-5D566C121B10}"/>
          </ac:spMkLst>
        </pc:spChg>
        <pc:spChg chg="add">
          <ac:chgData name="Beniamin Bia" userId="39a36cc4-1692-4dc2-a02c-9c9ee3cd7a9f" providerId="ADAL" clId="{B2AD0EB9-AE22-441A-A696-9070B00F63DF}" dt="2019-05-07T19:15:45.311" v="890" actId="26606"/>
          <ac:spMkLst>
            <pc:docMk/>
            <pc:sldMk cId="121964965" sldId="279"/>
            <ac:spMk id="71" creationId="{C607803A-4E99-444E-94F7-8785CDDF5849}"/>
          </ac:spMkLst>
        </pc:spChg>
        <pc:spChg chg="add">
          <ac:chgData name="Beniamin Bia" userId="39a36cc4-1692-4dc2-a02c-9c9ee3cd7a9f" providerId="ADAL" clId="{B2AD0EB9-AE22-441A-A696-9070B00F63DF}" dt="2019-05-07T19:15:45.311" v="890" actId="26606"/>
          <ac:spMkLst>
            <pc:docMk/>
            <pc:sldMk cId="121964965" sldId="279"/>
            <ac:spMk id="73" creationId="{2989BE6A-C309-418E-8ADD-1616A980570D}"/>
          </ac:spMkLst>
        </pc:spChg>
        <pc:picChg chg="add del mod">
          <ac:chgData name="Beniamin Bia" userId="39a36cc4-1692-4dc2-a02c-9c9ee3cd7a9f" providerId="ADAL" clId="{B2AD0EB9-AE22-441A-A696-9070B00F63DF}" dt="2019-05-07T19:16:17.012" v="896" actId="14100"/>
          <ac:picMkLst>
            <pc:docMk/>
            <pc:sldMk cId="121964965" sldId="279"/>
            <ac:picMk id="1026" creationId="{0964973E-40FA-4090-B657-E2ED09A16E95}"/>
          </ac:picMkLst>
        </pc:picChg>
        <pc:cxnChg chg="del">
          <ac:chgData name="Beniamin Bia" userId="39a36cc4-1692-4dc2-a02c-9c9ee3cd7a9f" providerId="ADAL" clId="{B2AD0EB9-AE22-441A-A696-9070B00F63DF}" dt="2019-05-07T19:15:45.311" v="890" actId="26606"/>
          <ac:cxnSpMkLst>
            <pc:docMk/>
            <pc:sldMk cId="121964965" sldId="279"/>
            <ac:cxnSpMk id="18" creationId="{38FB9660-F42F-4313-BBC4-47C007FE484C}"/>
          </ac:cxnSpMkLst>
        </pc:cxnChg>
      </pc:sldChg>
      <pc:sldChg chg="addSp delSp modSp">
        <pc:chgData name="Beniamin Bia" userId="39a36cc4-1692-4dc2-a02c-9c9ee3cd7a9f" providerId="ADAL" clId="{B2AD0EB9-AE22-441A-A696-9070B00F63DF}" dt="2019-05-08T07:56:09.164" v="992" actId="207"/>
        <pc:sldMkLst>
          <pc:docMk/>
          <pc:sldMk cId="1830040377" sldId="280"/>
        </pc:sldMkLst>
        <pc:spChg chg="mod">
          <ac:chgData name="Beniamin Bia" userId="39a36cc4-1692-4dc2-a02c-9c9ee3cd7a9f" providerId="ADAL" clId="{B2AD0EB9-AE22-441A-A696-9070B00F63DF}" dt="2019-05-07T19:11:36.107" v="848" actId="26606"/>
          <ac:spMkLst>
            <pc:docMk/>
            <pc:sldMk cId="1830040377" sldId="280"/>
            <ac:spMk id="4" creationId="{0487890B-D624-4054-8F9B-DE20350CC76E}"/>
          </ac:spMkLst>
        </pc:spChg>
        <pc:spChg chg="add del">
          <ac:chgData name="Beniamin Bia" userId="39a36cc4-1692-4dc2-a02c-9c9ee3cd7a9f" providerId="ADAL" clId="{B2AD0EB9-AE22-441A-A696-9070B00F63DF}" dt="2019-05-07T19:11:36.107" v="848" actId="26606"/>
          <ac:spMkLst>
            <pc:docMk/>
            <pc:sldMk cId="1830040377" sldId="280"/>
            <ac:spMk id="5" creationId="{C023B8A9-B9D0-4B50-843A-87ED49046A17}"/>
          </ac:spMkLst>
        </pc:spChg>
        <pc:spChg chg="add del">
          <ac:chgData name="Beniamin Bia" userId="39a36cc4-1692-4dc2-a02c-9c9ee3cd7a9f" providerId="ADAL" clId="{B2AD0EB9-AE22-441A-A696-9070B00F63DF}" dt="2019-05-07T19:11:36.107" v="848" actId="26606"/>
          <ac:spMkLst>
            <pc:docMk/>
            <pc:sldMk cId="1830040377" sldId="280"/>
            <ac:spMk id="71" creationId="{43573EFB-E773-46FC-B866-B57ED2E3906B}"/>
          </ac:spMkLst>
        </pc:spChg>
        <pc:spChg chg="add del">
          <ac:chgData name="Beniamin Bia" userId="39a36cc4-1692-4dc2-a02c-9c9ee3cd7a9f" providerId="ADAL" clId="{B2AD0EB9-AE22-441A-A696-9070B00F63DF}" dt="2019-05-07T19:11:36.084" v="847" actId="26606"/>
          <ac:spMkLst>
            <pc:docMk/>
            <pc:sldMk cId="1830040377" sldId="280"/>
            <ac:spMk id="78" creationId="{46C2E80F-49A6-4372-B103-219D417A55ED}"/>
          </ac:spMkLst>
        </pc:spChg>
        <pc:graphicFrameChg chg="add del">
          <ac:chgData name="Beniamin Bia" userId="39a36cc4-1692-4dc2-a02c-9c9ee3cd7a9f" providerId="ADAL" clId="{B2AD0EB9-AE22-441A-A696-9070B00F63DF}" dt="2019-05-07T19:11:36.084" v="847" actId="26606"/>
          <ac:graphicFrameMkLst>
            <pc:docMk/>
            <pc:sldMk cId="1830040377" sldId="280"/>
            <ac:graphicFrameMk id="73" creationId="{764A79FB-C725-4AD3-BE0F-5356C5AD71EC}"/>
          </ac:graphicFrameMkLst>
        </pc:graphicFrameChg>
        <pc:graphicFrameChg chg="add mod">
          <ac:chgData name="Beniamin Bia" userId="39a36cc4-1692-4dc2-a02c-9c9ee3cd7a9f" providerId="ADAL" clId="{B2AD0EB9-AE22-441A-A696-9070B00F63DF}" dt="2019-05-08T07:56:09.164" v="992" actId="207"/>
          <ac:graphicFrameMkLst>
            <pc:docMk/>
            <pc:sldMk cId="1830040377" sldId="280"/>
            <ac:graphicFrameMk id="80" creationId="{E3E826A5-14D8-4980-8277-04081B803089}"/>
          </ac:graphicFrameMkLst>
        </pc:graphicFrameChg>
        <pc:picChg chg="add del mod">
          <ac:chgData name="Beniamin Bia" userId="39a36cc4-1692-4dc2-a02c-9c9ee3cd7a9f" providerId="ADAL" clId="{B2AD0EB9-AE22-441A-A696-9070B00F63DF}" dt="2019-05-07T19:13:43.316" v="861"/>
          <ac:picMkLst>
            <pc:docMk/>
            <pc:sldMk cId="1830040377" sldId="280"/>
            <ac:picMk id="3" creationId="{707AFC4C-6B81-4A2F-8909-F46754C0C9A0}"/>
          </ac:picMkLst>
        </pc:picChg>
        <pc:picChg chg="del">
          <ac:chgData name="Beniamin Bia" userId="39a36cc4-1692-4dc2-a02c-9c9ee3cd7a9f" providerId="ADAL" clId="{B2AD0EB9-AE22-441A-A696-9070B00F63DF}" dt="2019-05-07T19:11:19.082" v="845" actId="478"/>
          <ac:picMkLst>
            <pc:docMk/>
            <pc:sldMk cId="1830040377" sldId="280"/>
            <ac:picMk id="1026" creationId="{0964973E-40FA-4090-B657-E2ED09A16E95}"/>
          </ac:picMkLst>
        </pc:picChg>
      </pc:sldChg>
      <pc:sldChg chg="addSp delSp modSp mod setClrOvrMap">
        <pc:chgData name="Beniamin Bia" userId="39a36cc4-1692-4dc2-a02c-9c9ee3cd7a9f" providerId="ADAL" clId="{B2AD0EB9-AE22-441A-A696-9070B00F63DF}" dt="2019-05-08T07:56:24.866" v="995" actId="207"/>
        <pc:sldMkLst>
          <pc:docMk/>
          <pc:sldMk cId="3686517060" sldId="281"/>
        </pc:sldMkLst>
        <pc:spChg chg="mod">
          <ac:chgData name="Beniamin Bia" userId="39a36cc4-1692-4dc2-a02c-9c9ee3cd7a9f" providerId="ADAL" clId="{B2AD0EB9-AE22-441A-A696-9070B00F63DF}" dt="2019-05-07T19:14:55.743" v="877" actId="26606"/>
          <ac:spMkLst>
            <pc:docMk/>
            <pc:sldMk cId="3686517060" sldId="281"/>
            <ac:spMk id="4" creationId="{0487890B-D624-4054-8F9B-DE20350CC76E}"/>
          </ac:spMkLst>
        </pc:spChg>
        <pc:spChg chg="mod">
          <ac:chgData name="Beniamin Bia" userId="39a36cc4-1692-4dc2-a02c-9c9ee3cd7a9f" providerId="ADAL" clId="{B2AD0EB9-AE22-441A-A696-9070B00F63DF}" dt="2019-05-08T07:56:24.866" v="995" actId="207"/>
          <ac:spMkLst>
            <pc:docMk/>
            <pc:sldMk cId="3686517060" sldId="281"/>
            <ac:spMk id="5" creationId="{C023B8A9-B9D0-4B50-843A-87ED49046A17}"/>
          </ac:spMkLst>
        </pc:spChg>
        <pc:spChg chg="add del">
          <ac:chgData name="Beniamin Bia" userId="39a36cc4-1692-4dc2-a02c-9c9ee3cd7a9f" providerId="ADAL" clId="{B2AD0EB9-AE22-441A-A696-9070B00F63DF}" dt="2019-05-07T19:14:55.743" v="877" actId="26606"/>
          <ac:spMkLst>
            <pc:docMk/>
            <pc:sldMk cId="3686517060" sldId="281"/>
            <ac:spMk id="16" creationId="{AB45A142-4255-493C-8284-5D566C121B10}"/>
          </ac:spMkLst>
        </pc:spChg>
        <pc:spChg chg="add del">
          <ac:chgData name="Beniamin Bia" userId="39a36cc4-1692-4dc2-a02c-9c9ee3cd7a9f" providerId="ADAL" clId="{B2AD0EB9-AE22-441A-A696-9070B00F63DF}" dt="2019-05-07T19:14:43.495" v="869" actId="26606"/>
          <ac:spMkLst>
            <pc:docMk/>
            <pc:sldMk cId="3686517060" sldId="281"/>
            <ac:spMk id="23" creationId="{A9616D99-AEFB-4C95-84EF-5DEC698D92A7}"/>
          </ac:spMkLst>
        </pc:spChg>
        <pc:spChg chg="add del">
          <ac:chgData name="Beniamin Bia" userId="39a36cc4-1692-4dc2-a02c-9c9ee3cd7a9f" providerId="ADAL" clId="{B2AD0EB9-AE22-441A-A696-9070B00F63DF}" dt="2019-05-07T19:14:43.495" v="869" actId="26606"/>
          <ac:spMkLst>
            <pc:docMk/>
            <pc:sldMk cId="3686517060" sldId="281"/>
            <ac:spMk id="25" creationId="{D0F97023-F626-4FC5-8C2D-753B5C7F4606}"/>
          </ac:spMkLst>
        </pc:spChg>
        <pc:spChg chg="add del">
          <ac:chgData name="Beniamin Bia" userId="39a36cc4-1692-4dc2-a02c-9c9ee3cd7a9f" providerId="ADAL" clId="{B2AD0EB9-AE22-441A-A696-9070B00F63DF}" dt="2019-05-07T19:14:55.743" v="877" actId="26606"/>
          <ac:spMkLst>
            <pc:docMk/>
            <pc:sldMk cId="3686517060" sldId="281"/>
            <ac:spMk id="27" creationId="{C607803A-4E99-444E-94F7-8785CDDF5849}"/>
          </ac:spMkLst>
        </pc:spChg>
        <pc:spChg chg="add del">
          <ac:chgData name="Beniamin Bia" userId="39a36cc4-1692-4dc2-a02c-9c9ee3cd7a9f" providerId="ADAL" clId="{B2AD0EB9-AE22-441A-A696-9070B00F63DF}" dt="2019-05-07T19:14:55.743" v="877" actId="26606"/>
          <ac:spMkLst>
            <pc:docMk/>
            <pc:sldMk cId="3686517060" sldId="281"/>
            <ac:spMk id="28" creationId="{2989BE6A-C309-418E-8ADD-1616A980570D}"/>
          </ac:spMkLst>
        </pc:spChg>
        <pc:graphicFrameChg chg="add mod">
          <ac:chgData name="Beniamin Bia" userId="39a36cc4-1692-4dc2-a02c-9c9ee3cd7a9f" providerId="ADAL" clId="{B2AD0EB9-AE22-441A-A696-9070B00F63DF}" dt="2019-05-07T19:15:30.239" v="889"/>
          <ac:graphicFrameMkLst>
            <pc:docMk/>
            <pc:sldMk cId="3686517060" sldId="281"/>
            <ac:graphicFrameMk id="7" creationId="{F4681059-611A-429F-8109-439AE5E1AD37}"/>
          </ac:graphicFrameMkLst>
        </pc:graphicFrameChg>
        <pc:cxnChg chg="add del">
          <ac:chgData name="Beniamin Bia" userId="39a36cc4-1692-4dc2-a02c-9c9ee3cd7a9f" providerId="ADAL" clId="{B2AD0EB9-AE22-441A-A696-9070B00F63DF}" dt="2019-05-07T19:14:55.743" v="877" actId="26606"/>
          <ac:cxnSpMkLst>
            <pc:docMk/>
            <pc:sldMk cId="3686517060" sldId="281"/>
            <ac:cxnSpMk id="18" creationId="{38FB9660-F42F-4313-BBC4-47C007FE484C}"/>
          </ac:cxnSpMkLst>
        </pc:cxnChg>
      </pc:sldChg>
      <pc:sldChg chg="addSp delSp modSp">
        <pc:chgData name="Beniamin Bia" userId="39a36cc4-1692-4dc2-a02c-9c9ee3cd7a9f" providerId="ADAL" clId="{B2AD0EB9-AE22-441A-A696-9070B00F63DF}" dt="2019-05-08T07:56:49.899" v="999" actId="207"/>
        <pc:sldMkLst>
          <pc:docMk/>
          <pc:sldMk cId="1762784036" sldId="282"/>
        </pc:sldMkLst>
        <pc:spChg chg="mod">
          <ac:chgData name="Beniamin Bia" userId="39a36cc4-1692-4dc2-a02c-9c9ee3cd7a9f" providerId="ADAL" clId="{B2AD0EB9-AE22-441A-A696-9070B00F63DF}" dt="2019-05-07T20:20:03.941" v="965" actId="26606"/>
          <ac:spMkLst>
            <pc:docMk/>
            <pc:sldMk cId="1762784036" sldId="282"/>
            <ac:spMk id="2" creationId="{301BC02D-A125-4637-B59E-E2AA6DF9C398}"/>
          </ac:spMkLst>
        </pc:spChg>
        <pc:spChg chg="del">
          <ac:chgData name="Beniamin Bia" userId="39a36cc4-1692-4dc2-a02c-9c9ee3cd7a9f" providerId="ADAL" clId="{B2AD0EB9-AE22-441A-A696-9070B00F63DF}" dt="2019-05-07T20:20:03.941" v="965" actId="26606"/>
          <ac:spMkLst>
            <pc:docMk/>
            <pc:sldMk cId="1762784036" sldId="282"/>
            <ac:spMk id="12" creationId="{46C2E80F-49A6-4372-B103-219D417A55ED}"/>
          </ac:spMkLst>
        </pc:spChg>
        <pc:spChg chg="add">
          <ac:chgData name="Beniamin Bia" userId="39a36cc4-1692-4dc2-a02c-9c9ee3cd7a9f" providerId="ADAL" clId="{B2AD0EB9-AE22-441A-A696-9070B00F63DF}" dt="2019-05-07T20:20:03.941" v="965" actId="26606"/>
          <ac:spMkLst>
            <pc:docMk/>
            <pc:sldMk cId="1762784036" sldId="282"/>
            <ac:spMk id="18" creationId="{E4505C23-674B-4195-81D6-0C127FEAE3F8}"/>
          </ac:spMkLst>
        </pc:spChg>
        <pc:spChg chg="add">
          <ac:chgData name="Beniamin Bia" userId="39a36cc4-1692-4dc2-a02c-9c9ee3cd7a9f" providerId="ADAL" clId="{B2AD0EB9-AE22-441A-A696-9070B00F63DF}" dt="2019-05-07T20:20:03.941" v="965" actId="26606"/>
          <ac:spMkLst>
            <pc:docMk/>
            <pc:sldMk cId="1762784036" sldId="282"/>
            <ac:spMk id="20" creationId="{65C9B8F0-FF66-4C15-BD05-E86B87331846}"/>
          </ac:spMkLst>
        </pc:spChg>
        <pc:graphicFrameChg chg="mod modGraphic">
          <ac:chgData name="Beniamin Bia" userId="39a36cc4-1692-4dc2-a02c-9c9ee3cd7a9f" providerId="ADAL" clId="{B2AD0EB9-AE22-441A-A696-9070B00F63DF}" dt="2019-05-08T07:56:49.899" v="999" actId="207"/>
          <ac:graphicFrameMkLst>
            <pc:docMk/>
            <pc:sldMk cId="1762784036" sldId="282"/>
            <ac:graphicFrameMk id="13" creationId="{AB23E2BE-AAE1-4A12-8A85-6768D6D38DAF}"/>
          </ac:graphicFrameMkLst>
        </pc:graphicFrameChg>
      </pc:sldChg>
      <pc:sldChg chg="delSp modSp add del">
        <pc:chgData name="Beniamin Bia" userId="39a36cc4-1692-4dc2-a02c-9c9ee3cd7a9f" providerId="ADAL" clId="{B2AD0EB9-AE22-441A-A696-9070B00F63DF}" dt="2019-05-08T09:06:29.353" v="1068" actId="2696"/>
        <pc:sldMkLst>
          <pc:docMk/>
          <pc:sldMk cId="1462500851" sldId="283"/>
        </pc:sldMkLst>
        <pc:spChg chg="mod">
          <ac:chgData name="Beniamin Bia" userId="39a36cc4-1692-4dc2-a02c-9c9ee3cd7a9f" providerId="ADAL" clId="{B2AD0EB9-AE22-441A-A696-9070B00F63DF}" dt="2019-05-08T09:03:09.498" v="1043" actId="1076"/>
          <ac:spMkLst>
            <pc:docMk/>
            <pc:sldMk cId="1462500851" sldId="283"/>
            <ac:spMk id="5" creationId="{1AAF1AAD-0206-48FB-89E0-CF8DC7B8EF9F}"/>
          </ac:spMkLst>
        </pc:spChg>
        <pc:picChg chg="del">
          <ac:chgData name="Beniamin Bia" userId="39a36cc4-1692-4dc2-a02c-9c9ee3cd7a9f" providerId="ADAL" clId="{B2AD0EB9-AE22-441A-A696-9070B00F63DF}" dt="2019-05-08T09:02:57.446" v="1042" actId="478"/>
          <ac:picMkLst>
            <pc:docMk/>
            <pc:sldMk cId="1462500851" sldId="283"/>
            <ac:picMk id="7" creationId="{36BD15AD-767E-4B92-9BBF-88A68B1D2439}"/>
          </ac:picMkLst>
        </pc:picChg>
      </pc:sldChg>
      <pc:sldChg chg="delSp modSp add del">
        <pc:chgData name="Beniamin Bia" userId="39a36cc4-1692-4dc2-a02c-9c9ee3cd7a9f" providerId="ADAL" clId="{B2AD0EB9-AE22-441A-A696-9070B00F63DF}" dt="2019-05-08T09:04:15.171" v="1055" actId="2696"/>
        <pc:sldMkLst>
          <pc:docMk/>
          <pc:sldMk cId="3101857908" sldId="284"/>
        </pc:sldMkLst>
        <pc:spChg chg="mod">
          <ac:chgData name="Beniamin Bia" userId="39a36cc4-1692-4dc2-a02c-9c9ee3cd7a9f" providerId="ADAL" clId="{B2AD0EB9-AE22-441A-A696-9070B00F63DF}" dt="2019-05-08T09:02:50.193" v="1041"/>
          <ac:spMkLst>
            <pc:docMk/>
            <pc:sldMk cId="3101857908" sldId="284"/>
            <ac:spMk id="5" creationId="{1AAF1AAD-0206-48FB-89E0-CF8DC7B8EF9F}"/>
          </ac:spMkLst>
        </pc:spChg>
        <pc:picChg chg="del">
          <ac:chgData name="Beniamin Bia" userId="39a36cc4-1692-4dc2-a02c-9c9ee3cd7a9f" providerId="ADAL" clId="{B2AD0EB9-AE22-441A-A696-9070B00F63DF}" dt="2019-05-08T09:03:15.583" v="1044" actId="478"/>
          <ac:picMkLst>
            <pc:docMk/>
            <pc:sldMk cId="3101857908" sldId="284"/>
            <ac:picMk id="7" creationId="{36BD15AD-767E-4B92-9BBF-88A68B1D2439}"/>
          </ac:picMkLst>
        </pc:picChg>
      </pc:sldChg>
      <pc:sldChg chg="addSp delSp modSp add mod setBg">
        <pc:chgData name="Beniamin Bia" userId="39a36cc4-1692-4dc2-a02c-9c9ee3cd7a9f" providerId="ADAL" clId="{B2AD0EB9-AE22-441A-A696-9070B00F63DF}" dt="2019-05-08T09:06:20.435" v="1066" actId="207"/>
        <pc:sldMkLst>
          <pc:docMk/>
          <pc:sldMk cId="2040912326" sldId="285"/>
        </pc:sldMkLst>
        <pc:spChg chg="mod">
          <ac:chgData name="Beniamin Bia" userId="39a36cc4-1692-4dc2-a02c-9c9ee3cd7a9f" providerId="ADAL" clId="{B2AD0EB9-AE22-441A-A696-9070B00F63DF}" dt="2019-05-08T09:06:20.435" v="1066" actId="207"/>
          <ac:spMkLst>
            <pc:docMk/>
            <pc:sldMk cId="2040912326" sldId="285"/>
            <ac:spMk id="2" creationId="{C15AB547-FD31-4408-849A-405B5C3FFC95}"/>
          </ac:spMkLst>
        </pc:spChg>
        <pc:spChg chg="del mod">
          <ac:chgData name="Beniamin Bia" userId="39a36cc4-1692-4dc2-a02c-9c9ee3cd7a9f" providerId="ADAL" clId="{B2AD0EB9-AE22-441A-A696-9070B00F63DF}" dt="2019-05-08T09:03:45.842" v="1049" actId="26606"/>
          <ac:spMkLst>
            <pc:docMk/>
            <pc:sldMk cId="2040912326" sldId="285"/>
            <ac:spMk id="3" creationId="{B822CD75-5E7A-440B-AFCC-A8B89EAD3340}"/>
          </ac:spMkLst>
        </pc:spChg>
        <pc:graphicFrameChg chg="add">
          <ac:chgData name="Beniamin Bia" userId="39a36cc4-1692-4dc2-a02c-9c9ee3cd7a9f" providerId="ADAL" clId="{B2AD0EB9-AE22-441A-A696-9070B00F63DF}" dt="2019-05-08T09:03:45.842" v="1049" actId="26606"/>
          <ac:graphicFrameMkLst>
            <pc:docMk/>
            <pc:sldMk cId="2040912326" sldId="285"/>
            <ac:graphicFrameMk id="5" creationId="{7B6DA265-C319-4A20-8B3D-982C6EE8D527}"/>
          </ac:graphicFrameMkLst>
        </pc:graphicFrameChg>
      </pc:sldChg>
      <pc:sldChg chg="addSp delSp modSp add mod setBg">
        <pc:chgData name="Beniamin Bia" userId="39a36cc4-1692-4dc2-a02c-9c9ee3cd7a9f" providerId="ADAL" clId="{B2AD0EB9-AE22-441A-A696-9070B00F63DF}" dt="2019-05-08T09:06:22.369" v="1067" actId="207"/>
        <pc:sldMkLst>
          <pc:docMk/>
          <pc:sldMk cId="2972309451" sldId="286"/>
        </pc:sldMkLst>
        <pc:spChg chg="mod">
          <ac:chgData name="Beniamin Bia" userId="39a36cc4-1692-4dc2-a02c-9c9ee3cd7a9f" providerId="ADAL" clId="{B2AD0EB9-AE22-441A-A696-9070B00F63DF}" dt="2019-05-08T09:06:22.369" v="1067" actId="207"/>
          <ac:spMkLst>
            <pc:docMk/>
            <pc:sldMk cId="2972309451" sldId="286"/>
            <ac:spMk id="2" creationId="{1300DBF2-C59E-411C-866E-D89ED2C948A2}"/>
          </ac:spMkLst>
        </pc:spChg>
        <pc:spChg chg="add del mod">
          <ac:chgData name="Beniamin Bia" userId="39a36cc4-1692-4dc2-a02c-9c9ee3cd7a9f" providerId="ADAL" clId="{B2AD0EB9-AE22-441A-A696-9070B00F63DF}" dt="2019-05-08T09:04:34.329" v="1059" actId="26606"/>
          <ac:spMkLst>
            <pc:docMk/>
            <pc:sldMk cId="2972309451" sldId="286"/>
            <ac:spMk id="3" creationId="{26C907AC-BDF8-42D2-87E2-B142FBDFFEB6}"/>
          </ac:spMkLst>
        </pc:spChg>
        <pc:spChg chg="add">
          <ac:chgData name="Beniamin Bia" userId="39a36cc4-1692-4dc2-a02c-9c9ee3cd7a9f" providerId="ADAL" clId="{B2AD0EB9-AE22-441A-A696-9070B00F63DF}" dt="2019-05-08T09:04:34.329" v="1059" actId="26606"/>
          <ac:spMkLst>
            <pc:docMk/>
            <pc:sldMk cId="2972309451" sldId="286"/>
            <ac:spMk id="10" creationId="{A5711A0E-A428-4ED1-96CB-33D69FD842E4}"/>
          </ac:spMkLst>
        </pc:spChg>
        <pc:graphicFrameChg chg="add del">
          <ac:chgData name="Beniamin Bia" userId="39a36cc4-1692-4dc2-a02c-9c9ee3cd7a9f" providerId="ADAL" clId="{B2AD0EB9-AE22-441A-A696-9070B00F63DF}" dt="2019-05-08T09:04:12.606" v="1054" actId="26606"/>
          <ac:graphicFrameMkLst>
            <pc:docMk/>
            <pc:sldMk cId="2972309451" sldId="286"/>
            <ac:graphicFrameMk id="5" creationId="{CC8322F7-A4F8-4D2C-B3FD-CADB09A640EB}"/>
          </ac:graphicFrameMkLst>
        </pc:graphicFrameChg>
        <pc:graphicFrameChg chg="add mod">
          <ac:chgData name="Beniamin Bia" userId="39a36cc4-1692-4dc2-a02c-9c9ee3cd7a9f" providerId="ADAL" clId="{B2AD0EB9-AE22-441A-A696-9070B00F63DF}" dt="2019-05-08T09:06:12.976" v="1065"/>
          <ac:graphicFrameMkLst>
            <pc:docMk/>
            <pc:sldMk cId="2972309451" sldId="286"/>
            <ac:graphicFrameMk id="6" creationId="{0CD299E0-C6CF-4242-AC6C-634B71780374}"/>
          </ac:graphicFrameMkLst>
        </pc:graphicFrameChg>
        <pc:picChg chg="add del mod">
          <ac:chgData name="Beniamin Bia" userId="39a36cc4-1692-4dc2-a02c-9c9ee3cd7a9f" providerId="ADAL" clId="{B2AD0EB9-AE22-441A-A696-9070B00F63DF}" dt="2019-05-08T09:06:11.317" v="1064"/>
          <ac:picMkLst>
            <pc:docMk/>
            <pc:sldMk cId="2972309451" sldId="286"/>
            <ac:picMk id="7" creationId="{5F047214-2A30-4E17-A062-EEFDD2DB19BF}"/>
          </ac:picMkLst>
        </pc:picChg>
      </pc:sldChg>
      <pc:sldChg chg="addSp delSp modSp add mod setBg">
        <pc:chgData name="Beniamin Bia" userId="39a36cc4-1692-4dc2-a02c-9c9ee3cd7a9f" providerId="ADAL" clId="{B2AD0EB9-AE22-441A-A696-9070B00F63DF}" dt="2019-05-08T09:07:36.941" v="1090" actId="207"/>
        <pc:sldMkLst>
          <pc:docMk/>
          <pc:sldMk cId="1754491525" sldId="287"/>
        </pc:sldMkLst>
        <pc:spChg chg="mod">
          <ac:chgData name="Beniamin Bia" userId="39a36cc4-1692-4dc2-a02c-9c9ee3cd7a9f" providerId="ADAL" clId="{B2AD0EB9-AE22-441A-A696-9070B00F63DF}" dt="2019-05-08T09:07:36.941" v="1090" actId="207"/>
          <ac:spMkLst>
            <pc:docMk/>
            <pc:sldMk cId="1754491525" sldId="287"/>
            <ac:spMk id="2" creationId="{B27594E9-0B87-4897-ABD0-122B25B3FEBF}"/>
          </ac:spMkLst>
        </pc:spChg>
        <pc:spChg chg="mod">
          <ac:chgData name="Beniamin Bia" userId="39a36cc4-1692-4dc2-a02c-9c9ee3cd7a9f" providerId="ADAL" clId="{B2AD0EB9-AE22-441A-A696-9070B00F63DF}" dt="2019-05-08T09:07:33.770" v="1088" actId="207"/>
          <ac:spMkLst>
            <pc:docMk/>
            <pc:sldMk cId="1754491525" sldId="287"/>
            <ac:spMk id="3" creationId="{4CED41EB-AE2C-47E7-AE7F-824A89818E87}"/>
          </ac:spMkLst>
        </pc:spChg>
        <pc:spChg chg="add del">
          <ac:chgData name="Beniamin Bia" userId="39a36cc4-1692-4dc2-a02c-9c9ee3cd7a9f" providerId="ADAL" clId="{B2AD0EB9-AE22-441A-A696-9070B00F63DF}" dt="2019-05-08T09:07:06.564" v="1076" actId="26606"/>
          <ac:spMkLst>
            <pc:docMk/>
            <pc:sldMk cId="1754491525" sldId="287"/>
            <ac:spMk id="8" creationId="{48A740BC-A0AA-45E0-B899-2AE9C6FE11CA}"/>
          </ac:spMkLst>
        </pc:spChg>
        <pc:spChg chg="add del">
          <ac:chgData name="Beniamin Bia" userId="39a36cc4-1692-4dc2-a02c-9c9ee3cd7a9f" providerId="ADAL" clId="{B2AD0EB9-AE22-441A-A696-9070B00F63DF}" dt="2019-05-08T09:07:07.308" v="1078" actId="26606"/>
          <ac:spMkLst>
            <pc:docMk/>
            <pc:sldMk cId="1754491525" sldId="287"/>
            <ac:spMk id="32" creationId="{15911E3A-C35B-4EF7-A355-B84E9A14AF4D}"/>
          </ac:spMkLst>
        </pc:spChg>
        <pc:spChg chg="add">
          <ac:chgData name="Beniamin Bia" userId="39a36cc4-1692-4dc2-a02c-9c9ee3cd7a9f" providerId="ADAL" clId="{B2AD0EB9-AE22-441A-A696-9070B00F63DF}" dt="2019-05-08T09:07:07.321" v="1079" actId="26606"/>
          <ac:spMkLst>
            <pc:docMk/>
            <pc:sldMk cId="1754491525" sldId="287"/>
            <ac:spMk id="39" creationId="{8D70B121-56F4-4848-B38B-182089D909FA}"/>
          </ac:spMkLst>
        </pc:spChg>
        <pc:grpChg chg="add del">
          <ac:chgData name="Beniamin Bia" userId="39a36cc4-1692-4dc2-a02c-9c9ee3cd7a9f" providerId="ADAL" clId="{B2AD0EB9-AE22-441A-A696-9070B00F63DF}" dt="2019-05-08T09:07:07.308" v="1078" actId="26606"/>
          <ac:grpSpMkLst>
            <pc:docMk/>
            <pc:sldMk cId="1754491525" sldId="287"/>
            <ac:grpSpMk id="33" creationId="{5F8A7F7F-DD1A-4F41-98AC-B9CE2A620CDC}"/>
          </ac:grpSpMkLst>
        </pc:grpChg>
        <pc:grpChg chg="add del">
          <ac:chgData name="Beniamin Bia" userId="39a36cc4-1692-4dc2-a02c-9c9ee3cd7a9f" providerId="ADAL" clId="{B2AD0EB9-AE22-441A-A696-9070B00F63DF}" dt="2019-05-08T09:07:07.308" v="1078" actId="26606"/>
          <ac:grpSpMkLst>
            <pc:docMk/>
            <pc:sldMk cId="1754491525" sldId="287"/>
            <ac:grpSpMk id="37" creationId="{E21ADB3D-AD65-44B4-847D-5E90E90A5D16}"/>
          </ac:grpSpMkLst>
        </pc:grpChg>
        <pc:picChg chg="add del">
          <ac:chgData name="Beniamin Bia" userId="39a36cc4-1692-4dc2-a02c-9c9ee3cd7a9f" providerId="ADAL" clId="{B2AD0EB9-AE22-441A-A696-9070B00F63DF}" dt="2019-05-08T09:06:58.790" v="1074"/>
          <ac:picMkLst>
            <pc:docMk/>
            <pc:sldMk cId="1754491525" sldId="287"/>
            <ac:picMk id="4" creationId="{D27BBED5-9413-4859-9ACC-3461021AB768}"/>
          </ac:picMkLst>
        </pc:picChg>
        <pc:picChg chg="add mod">
          <ac:chgData name="Beniamin Bia" userId="39a36cc4-1692-4dc2-a02c-9c9ee3cd7a9f" providerId="ADAL" clId="{B2AD0EB9-AE22-441A-A696-9070B00F63DF}" dt="2019-05-08T09:07:16.209" v="1083" actId="1076"/>
          <ac:picMkLst>
            <pc:docMk/>
            <pc:sldMk cId="1754491525" sldId="287"/>
            <ac:picMk id="38" creationId="{F6635897-79E3-4348-ACAB-1B5D76115767}"/>
          </ac:picMkLst>
        </pc:picChg>
        <pc:cxnChg chg="add del">
          <ac:chgData name="Beniamin Bia" userId="39a36cc4-1692-4dc2-a02c-9c9ee3cd7a9f" providerId="ADAL" clId="{B2AD0EB9-AE22-441A-A696-9070B00F63DF}" dt="2019-05-08T09:07:06.564" v="1076" actId="26606"/>
          <ac:cxnSpMkLst>
            <pc:docMk/>
            <pc:sldMk cId="1754491525" sldId="287"/>
            <ac:cxnSpMk id="10" creationId="{B874EF51-C858-4BB9-97C3-D17755787127}"/>
          </ac:cxnSpMkLst>
        </pc:cxnChg>
        <pc:cxnChg chg="add">
          <ac:chgData name="Beniamin Bia" userId="39a36cc4-1692-4dc2-a02c-9c9ee3cd7a9f" providerId="ADAL" clId="{B2AD0EB9-AE22-441A-A696-9070B00F63DF}" dt="2019-05-08T09:07:07.321" v="1079" actId="26606"/>
          <ac:cxnSpMkLst>
            <pc:docMk/>
            <pc:sldMk cId="1754491525" sldId="287"/>
            <ac:cxnSpMk id="40" creationId="{2D72A2C9-F3CA-4216-8BAD-FA4C970C3C4E}"/>
          </ac:cxnSpMkLst>
        </pc:cxn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1.xlsx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2.xlsx"/><Relationship Id="rId1" Type="http://schemas.openxmlformats.org/officeDocument/2006/relationships/themeOverride" Target="../theme/themeOverrid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71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Image processing time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9.5301754730655538E-2"/>
          <c:y val="0.10942258776940064"/>
          <c:w val="0.89225560090261913"/>
          <c:h val="0.66262066864671387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</c:v>
                </c:pt>
              </c:strCache>
            </c:strRef>
          </c:tx>
          <c:spPr>
            <a:ln w="2871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157.97999999999999</c:v>
                </c:pt>
                <c:pt idx="1">
                  <c:v>373.4</c:v>
                </c:pt>
                <c:pt idx="2">
                  <c:v>787.4</c:v>
                </c:pt>
                <c:pt idx="3">
                  <c:v>3519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35B9-4261-8EB6-628BCEC03C2C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</c:v>
                </c:pt>
              </c:strCache>
            </c:strRef>
          </c:tx>
          <c:spPr>
            <a:ln w="2871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68</c:v>
                </c:pt>
                <c:pt idx="1">
                  <c:v>7.86</c:v>
                </c:pt>
                <c:pt idx="2">
                  <c:v>17.55</c:v>
                </c:pt>
                <c:pt idx="3">
                  <c:v>69.6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35B9-4261-8EB6-628BCEC03C2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849503536"/>
        <c:axId val="1"/>
      </c:lineChart>
      <c:catAx>
        <c:axId val="18495035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72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l"/>
        <c:majorGridlines>
          <c:spPr>
            <a:ln w="9572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49503536"/>
        <c:crosses val="autoZero"/>
        <c:crossBetween val="between"/>
      </c:valAx>
      <c:spPr>
        <a:noFill/>
        <a:ln w="25525">
          <a:noFill/>
        </a:ln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3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72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0"/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 implementation</c:v>
                </c:pt>
              </c:strCache>
            </c:strRef>
          </c:tx>
          <c:spPr>
            <a:solidFill>
              <a:srgbClr val="4472C4"/>
            </a:solidFill>
            <a:ln w="25345">
              <a:noFill/>
            </a:ln>
          </c:spPr>
          <c:invertIfNegative val="0"/>
          <c:cat>
            <c:strRef>
              <c:f>Sheet1!$A$2:$A$6</c:f>
              <c:strCache>
                <c:ptCount val="5"/>
                <c:pt idx="0">
                  <c:v>Encryption[mS]</c:v>
                </c:pt>
                <c:pt idx="1">
                  <c:v>Decrypt[mS]</c:v>
                </c:pt>
                <c:pt idx="2">
                  <c:v>Filter for Encryption</c:v>
                </c:pt>
                <c:pt idx="3">
                  <c:v>Filter for Decryption</c:v>
                </c:pt>
                <c:pt idx="4">
                  <c:v>Overall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34.4</c:v>
                </c:pt>
                <c:pt idx="1">
                  <c:v>36.9</c:v>
                </c:pt>
                <c:pt idx="2">
                  <c:v>39.369999999999997</c:v>
                </c:pt>
                <c:pt idx="3">
                  <c:v>39.369999999999997</c:v>
                </c:pt>
                <c:pt idx="4">
                  <c:v>42.8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9DB-452F-9875-C2215B789E89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 implementation</c:v>
                </c:pt>
              </c:strCache>
            </c:strRef>
          </c:tx>
          <c:spPr>
            <a:solidFill>
              <a:srgbClr val="ED7D31"/>
            </a:solidFill>
            <a:ln w="25345">
              <a:noFill/>
            </a:ln>
          </c:spPr>
          <c:invertIfNegative val="0"/>
          <c:cat>
            <c:strRef>
              <c:f>Sheet1!$A$2:$A$6</c:f>
              <c:strCache>
                <c:ptCount val="5"/>
                <c:pt idx="0">
                  <c:v>Encryption[mS]</c:v>
                </c:pt>
                <c:pt idx="1">
                  <c:v>Decrypt[mS]</c:v>
                </c:pt>
                <c:pt idx="2">
                  <c:v>Filter for Encryption</c:v>
                </c:pt>
                <c:pt idx="3">
                  <c:v>Filter for Decryption</c:v>
                </c:pt>
                <c:pt idx="4">
                  <c:v>Overall</c:v>
                </c:pt>
              </c:strCache>
            </c:strRef>
          </c:cat>
          <c:val>
            <c:numRef>
              <c:f>Sheet1!$C$2:$C$6</c:f>
              <c:numCache>
                <c:formatCode>General</c:formatCode>
                <c:ptCount val="5"/>
                <c:pt idx="0">
                  <c:v>17.2</c:v>
                </c:pt>
                <c:pt idx="1">
                  <c:v>21.8</c:v>
                </c:pt>
                <c:pt idx="2">
                  <c:v>0.87749999999999995</c:v>
                </c:pt>
                <c:pt idx="3">
                  <c:v>0.87749999999999995</c:v>
                </c:pt>
                <c:pt idx="4">
                  <c:v>4.5975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9DB-452F-9875-C2215B789E8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617333359"/>
        <c:axId val="1"/>
      </c:barChart>
      <c:catAx>
        <c:axId val="1617333359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04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4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b"/>
        <c:majorGridlines>
          <c:spPr>
            <a:ln w="9504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ln w="6336">
            <a:noFill/>
          </a:ln>
        </c:spPr>
        <c:txPr>
          <a:bodyPr rot="-60000000" spcFirstLastPara="1" vertOverflow="ellipsis" vert="horz" wrap="square" anchor="ctr" anchorCtr="1"/>
          <a:lstStyle/>
          <a:p>
            <a:pPr>
              <a:defRPr sz="1194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17333359"/>
        <c:crosses val="autoZero"/>
        <c:crossBetween val="between"/>
      </c:valAx>
      <c:spPr>
        <a:noFill/>
        <a:ln w="25345">
          <a:noFill/>
        </a:ln>
      </c:spPr>
    </c:plotArea>
    <c:legend>
      <c:legendPos val="b"/>
      <c:overlay val="0"/>
      <c:spPr>
        <a:noFill/>
        <a:ln w="25345">
          <a:noFill/>
        </a:ln>
      </c:spPr>
      <c:txPr>
        <a:bodyPr rot="0" spcFirstLastPara="1" vertOverflow="ellipsis" vert="horz" wrap="square" anchor="ctr" anchorCtr="1"/>
        <a:lstStyle/>
        <a:p>
          <a:pPr>
            <a:defRPr sz="1194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04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71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Image processing time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8.5399649521723173E-2"/>
          <c:y val="0.14037250104528232"/>
          <c:w val="0.89225560090261913"/>
          <c:h val="0.69743917198801331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oftware</c:v>
                </c:pt>
              </c:strCache>
            </c:strRef>
          </c:tx>
          <c:spPr>
            <a:ln w="2871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157.97999999999999</c:v>
                </c:pt>
                <c:pt idx="1">
                  <c:v>373.4</c:v>
                </c:pt>
                <c:pt idx="2">
                  <c:v>787.4</c:v>
                </c:pt>
                <c:pt idx="3">
                  <c:v>3519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4004-4D47-A6E9-C09D6A76F5C6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Hardware</c:v>
                </c:pt>
              </c:strCache>
            </c:strRef>
          </c:tx>
          <c:spPr>
            <a:ln w="2871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640x480</c:v>
                </c:pt>
                <c:pt idx="1">
                  <c:v>1280x720</c:v>
                </c:pt>
                <c:pt idx="2">
                  <c:v>1920x1080</c:v>
                </c:pt>
                <c:pt idx="3">
                  <c:v>3840x2160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68</c:v>
                </c:pt>
                <c:pt idx="1">
                  <c:v>7.86</c:v>
                </c:pt>
                <c:pt idx="2">
                  <c:v>17.55</c:v>
                </c:pt>
                <c:pt idx="3">
                  <c:v>69.6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4004-4D47-A6E9-C09D6A76F5C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849503536"/>
        <c:axId val="1"/>
      </c:lineChart>
      <c:catAx>
        <c:axId val="18495035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72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l"/>
        <c:majorGridlines>
          <c:spPr>
            <a:ln w="9572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3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49503536"/>
        <c:crosses val="autoZero"/>
        <c:crossBetween val="between"/>
      </c:valAx>
      <c:spPr>
        <a:noFill/>
        <a:ln w="25525">
          <a:noFill/>
        </a:ln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3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72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svg"/><Relationship Id="rId1" Type="http://schemas.openxmlformats.org/officeDocument/2006/relationships/image" Target="../media/image7.png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6" Type="http://schemas.openxmlformats.org/officeDocument/2006/relationships/image" Target="../media/image19.svg"/><Relationship Id="rId5" Type="http://schemas.openxmlformats.org/officeDocument/2006/relationships/image" Target="../media/image18.png"/><Relationship Id="rId4" Type="http://schemas.openxmlformats.org/officeDocument/2006/relationships/image" Target="../media/image17.svg"/></Relationships>
</file>

<file path=ppt/diagrams/_rels/data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svg"/><Relationship Id="rId3" Type="http://schemas.openxmlformats.org/officeDocument/2006/relationships/image" Target="../media/image14.png"/><Relationship Id="rId7" Type="http://schemas.openxmlformats.org/officeDocument/2006/relationships/image" Target="../media/image24.png"/><Relationship Id="rId2" Type="http://schemas.microsoft.com/office/2007/relationships/hdphoto" Target="../media/hdphoto1.wdp"/><Relationship Id="rId1" Type="http://schemas.openxmlformats.org/officeDocument/2006/relationships/image" Target="../media/image21.png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15.svg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svg"/><Relationship Id="rId2" Type="http://schemas.openxmlformats.org/officeDocument/2006/relationships/image" Target="../media/image29.png"/><Relationship Id="rId1" Type="http://schemas.openxmlformats.org/officeDocument/2006/relationships/image" Target="../media/image28.png"/></Relationships>
</file>

<file path=ppt/diagrams/_rels/data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svg"/><Relationship Id="rId3" Type="http://schemas.openxmlformats.org/officeDocument/2006/relationships/image" Target="../media/image33.png"/><Relationship Id="rId7" Type="http://schemas.openxmlformats.org/officeDocument/2006/relationships/image" Target="../media/image18.png"/><Relationship Id="rId2" Type="http://schemas.openxmlformats.org/officeDocument/2006/relationships/image" Target="../media/image32.svg"/><Relationship Id="rId1" Type="http://schemas.openxmlformats.org/officeDocument/2006/relationships/image" Target="../media/image31.png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34.sv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svg"/><Relationship Id="rId1" Type="http://schemas.openxmlformats.org/officeDocument/2006/relationships/image" Target="../media/image7.png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6" Type="http://schemas.openxmlformats.org/officeDocument/2006/relationships/image" Target="../media/image19.svg"/><Relationship Id="rId5" Type="http://schemas.openxmlformats.org/officeDocument/2006/relationships/image" Target="../media/image18.png"/><Relationship Id="rId4" Type="http://schemas.openxmlformats.org/officeDocument/2006/relationships/image" Target="../media/image17.svg"/></Relationships>
</file>

<file path=ppt/diagrams/_rels/drawing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svg"/><Relationship Id="rId3" Type="http://schemas.openxmlformats.org/officeDocument/2006/relationships/image" Target="../media/image14.png"/><Relationship Id="rId7" Type="http://schemas.openxmlformats.org/officeDocument/2006/relationships/image" Target="../media/image24.png"/><Relationship Id="rId2" Type="http://schemas.microsoft.com/office/2007/relationships/hdphoto" Target="../media/hdphoto1.wdp"/><Relationship Id="rId1" Type="http://schemas.openxmlformats.org/officeDocument/2006/relationships/image" Target="../media/image21.png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15.sv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svg"/><Relationship Id="rId2" Type="http://schemas.openxmlformats.org/officeDocument/2006/relationships/image" Target="../media/image29.png"/><Relationship Id="rId1" Type="http://schemas.openxmlformats.org/officeDocument/2006/relationships/image" Target="../media/image28.png"/></Relationships>
</file>

<file path=ppt/diagrams/_rels/drawing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svg"/><Relationship Id="rId3" Type="http://schemas.openxmlformats.org/officeDocument/2006/relationships/image" Target="../media/image33.png"/><Relationship Id="rId7" Type="http://schemas.openxmlformats.org/officeDocument/2006/relationships/image" Target="../media/image18.png"/><Relationship Id="rId2" Type="http://schemas.openxmlformats.org/officeDocument/2006/relationships/image" Target="../media/image32.svg"/><Relationship Id="rId1" Type="http://schemas.openxmlformats.org/officeDocument/2006/relationships/image" Target="../media/image31.png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34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coloredtext_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accent2">
        <a:alpha val="0"/>
      </a:schemeClr>
    </dgm:fillClrLst>
    <dgm:linClrLst meth="repeat">
      <a:schemeClr val="accent2">
        <a:alpha val="0"/>
      </a:schemeClr>
    </dgm:linClrLst>
    <dgm:effectClrLst/>
    <dgm:txLinClrLst/>
    <dgm:txFillClrLst meth="repeat">
      <a:schemeClr val="accent2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accent6_2">
  <dgm:title val=""/>
  <dgm:desc val=""/>
  <dgm:catLst>
    <dgm:cat type="accent6" pri="16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18/5/colors/Iconchunking_coloredtext_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2">
        <a:alpha val="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/>
    </dgm:fillClrLst>
    <dgm:linClrLst meth="repeat">
      <a:schemeClr val="lt2">
        <a:alpha val="0"/>
      </a:schemeClr>
    </dgm:linClrLst>
    <dgm:effectClrLst/>
    <dgm:txLinClrLst/>
    <dgm:txFillClrLst/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dk2">
        <a:alpha val="0"/>
      </a:schemeClr>
    </dgm:fillClrLst>
    <dgm:linClrLst meth="repeat">
      <a:schemeClr val="dk2">
        <a:alpha val="0"/>
      </a:schemeClr>
    </dgm:linClrLst>
    <dgm:effectClrLst/>
    <dgm:txLinClrLst/>
    <dgm:txFillClrLst meth="repeat">
      <a:schemeClr val="dk2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F69FBD2-4E90-4A03-BBF8-5DB068C6942B}" type="doc">
      <dgm:prSet loTypeId="urn:microsoft.com/office/officeart/2018/5/layout/IconLeafLabelList" loCatId="icon" qsTypeId="urn:microsoft.com/office/officeart/2005/8/quickstyle/simple1" qsCatId="simple" csTypeId="urn:microsoft.com/office/officeart/2018/5/colors/Iconchunking_coloredtext_accent2_2" csCatId="accent2" phldr="1"/>
      <dgm:spPr/>
      <dgm:t>
        <a:bodyPr/>
        <a:lstStyle/>
        <a:p>
          <a:endParaRPr lang="en-US"/>
        </a:p>
      </dgm:t>
    </dgm:pt>
    <dgm:pt modelId="{3BEB13CE-DA1D-4BAF-BB07-BF0D976B2FBC}">
      <dgm:prSet custT="1"/>
      <dgm:spPr/>
      <dgm:t>
        <a:bodyPr/>
        <a:lstStyle/>
        <a:p>
          <a:pPr>
            <a:defRPr cap="all"/>
          </a:pPr>
          <a:r>
            <a:rPr lang="en-US" sz="2000" dirty="0"/>
            <a:t>British Prime Minister Margaret Thatcher used this to identify the internal informer</a:t>
          </a:r>
        </a:p>
      </dgm:t>
    </dgm:pt>
    <dgm:pt modelId="{4B28CC53-C916-41BF-8D79-21EC59C7ED6B}" type="parTrans" cxnId="{C5B8A84F-91D5-488B-BB33-E30232A9543F}">
      <dgm:prSet/>
      <dgm:spPr/>
      <dgm:t>
        <a:bodyPr/>
        <a:lstStyle/>
        <a:p>
          <a:endParaRPr lang="en-US"/>
        </a:p>
      </dgm:t>
    </dgm:pt>
    <dgm:pt modelId="{8B0A2DEF-C152-48DB-8427-A6EEA7CF8561}" type="sibTrans" cxnId="{C5B8A84F-91D5-488B-BB33-E30232A9543F}">
      <dgm:prSet/>
      <dgm:spPr/>
      <dgm:t>
        <a:bodyPr/>
        <a:lstStyle/>
        <a:p>
          <a:endParaRPr lang="en-US"/>
        </a:p>
      </dgm:t>
    </dgm:pt>
    <dgm:pt modelId="{08FF484F-03BD-48AA-808D-86A516758A5D}">
      <dgm:prSet custT="1"/>
      <dgm:spPr/>
      <dgm:t>
        <a:bodyPr/>
        <a:lstStyle/>
        <a:p>
          <a:pPr>
            <a:defRPr cap="all"/>
          </a:pPr>
          <a:r>
            <a:rPr lang="en-US" sz="1800" dirty="0"/>
            <a:t>US and USSR were transmitting information about nuclear facilities on public channels without revealing the receiver location</a:t>
          </a:r>
        </a:p>
      </dgm:t>
    </dgm:pt>
    <dgm:pt modelId="{4619B3D1-7E7B-4422-A198-9AB649B45BE0}" type="parTrans" cxnId="{F17FD01A-6330-4141-8FB0-DE72E10B0A68}">
      <dgm:prSet/>
      <dgm:spPr/>
      <dgm:t>
        <a:bodyPr/>
        <a:lstStyle/>
        <a:p>
          <a:endParaRPr lang="en-US"/>
        </a:p>
      </dgm:t>
    </dgm:pt>
    <dgm:pt modelId="{1F964DA8-7233-4FF9-BB79-F6DBED9AB6EB}" type="sibTrans" cxnId="{F17FD01A-6330-4141-8FB0-DE72E10B0A68}">
      <dgm:prSet/>
      <dgm:spPr/>
      <dgm:t>
        <a:bodyPr/>
        <a:lstStyle/>
        <a:p>
          <a:endParaRPr lang="en-US"/>
        </a:p>
      </dgm:t>
    </dgm:pt>
    <dgm:pt modelId="{E79B3A98-B54B-4513-82C2-202FF8ED3587}">
      <dgm:prSet/>
      <dgm:spPr/>
      <dgm:t>
        <a:bodyPr/>
        <a:lstStyle/>
        <a:p>
          <a:pPr>
            <a:defRPr cap="all"/>
          </a:pPr>
          <a:r>
            <a:rPr lang="en-US" dirty="0"/>
            <a:t>You may not be the only one reading your private messages on social media, steganography can stop it</a:t>
          </a:r>
        </a:p>
      </dgm:t>
    </dgm:pt>
    <dgm:pt modelId="{DF3CF2BB-CB12-48BE-AD98-86784D09C8FA}" type="parTrans" cxnId="{586074ED-EF58-4CFC-9BDB-425A8F5BB465}">
      <dgm:prSet/>
      <dgm:spPr/>
      <dgm:t>
        <a:bodyPr/>
        <a:lstStyle/>
        <a:p>
          <a:endParaRPr lang="en-US"/>
        </a:p>
      </dgm:t>
    </dgm:pt>
    <dgm:pt modelId="{2E6294FD-6049-46FF-90F4-589A2E70BAEE}" type="sibTrans" cxnId="{586074ED-EF58-4CFC-9BDB-425A8F5BB465}">
      <dgm:prSet/>
      <dgm:spPr/>
      <dgm:t>
        <a:bodyPr/>
        <a:lstStyle/>
        <a:p>
          <a:endParaRPr lang="en-US"/>
        </a:p>
      </dgm:t>
    </dgm:pt>
    <dgm:pt modelId="{99263F3A-03A1-4D83-9973-10581DE0F2BD}" type="pres">
      <dgm:prSet presAssocID="{FF69FBD2-4E90-4A03-BBF8-5DB068C6942B}" presName="root" presStyleCnt="0">
        <dgm:presLayoutVars>
          <dgm:dir/>
          <dgm:resizeHandles val="exact"/>
        </dgm:presLayoutVars>
      </dgm:prSet>
      <dgm:spPr/>
    </dgm:pt>
    <dgm:pt modelId="{89E218DB-281D-4F61-AF74-DC06BE50FFB2}" type="pres">
      <dgm:prSet presAssocID="{3BEB13CE-DA1D-4BAF-BB07-BF0D976B2FBC}" presName="compNode" presStyleCnt="0"/>
      <dgm:spPr/>
    </dgm:pt>
    <dgm:pt modelId="{B2A06933-DF17-432B-872A-177D285A2F54}" type="pres">
      <dgm:prSet presAssocID="{3BEB13CE-DA1D-4BAF-BB07-BF0D976B2FBC}" presName="iconBgRect" presStyleLbl="bgShp" presStyleIdx="0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F3B50A9A-D0C3-4A44-ACEA-56B0DC0FD821}" type="pres">
      <dgm:prSet presAssocID="{3BEB13CE-DA1D-4BAF-BB07-BF0D976B2FBC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Lecturer"/>
        </a:ext>
      </dgm:extLst>
    </dgm:pt>
    <dgm:pt modelId="{AEFE4263-8380-478D-8BB5-BD233373E9B8}" type="pres">
      <dgm:prSet presAssocID="{3BEB13CE-DA1D-4BAF-BB07-BF0D976B2FBC}" presName="spaceRect" presStyleCnt="0"/>
      <dgm:spPr/>
    </dgm:pt>
    <dgm:pt modelId="{9668FEEF-D7B3-4397-A066-B6627ADC273D}" type="pres">
      <dgm:prSet presAssocID="{3BEB13CE-DA1D-4BAF-BB07-BF0D976B2FBC}" presName="textRect" presStyleLbl="revTx" presStyleIdx="0" presStyleCnt="3">
        <dgm:presLayoutVars>
          <dgm:chMax val="1"/>
          <dgm:chPref val="1"/>
        </dgm:presLayoutVars>
      </dgm:prSet>
      <dgm:spPr/>
    </dgm:pt>
    <dgm:pt modelId="{9CB9F5F2-CD9D-45B7-A340-2C5FC5B873C8}" type="pres">
      <dgm:prSet presAssocID="{8B0A2DEF-C152-48DB-8427-A6EEA7CF8561}" presName="sibTrans" presStyleCnt="0"/>
      <dgm:spPr/>
    </dgm:pt>
    <dgm:pt modelId="{511DD9CA-1904-4431-8B48-7B5B7C03B537}" type="pres">
      <dgm:prSet presAssocID="{08FF484F-03BD-48AA-808D-86A516758A5D}" presName="compNode" presStyleCnt="0"/>
      <dgm:spPr/>
    </dgm:pt>
    <dgm:pt modelId="{F647DF90-D1DD-4A75-B608-4048DD1ADE7C}" type="pres">
      <dgm:prSet presAssocID="{08FF484F-03BD-48AA-808D-86A516758A5D}" presName="iconBgRect" presStyleLbl="bgShp" presStyleIdx="1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0881C818-63C9-4A7F-A325-4C6F3856F7AE}" type="pres">
      <dgm:prSet presAssocID="{08FF484F-03BD-48AA-808D-86A516758A5D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atellite"/>
        </a:ext>
      </dgm:extLst>
    </dgm:pt>
    <dgm:pt modelId="{56C7B6F1-9DF6-49D2-AB70-C5259FCAC128}" type="pres">
      <dgm:prSet presAssocID="{08FF484F-03BD-48AA-808D-86A516758A5D}" presName="spaceRect" presStyleCnt="0"/>
      <dgm:spPr/>
    </dgm:pt>
    <dgm:pt modelId="{AC8EC096-5F4C-4562-9098-CD8D7EC1436C}" type="pres">
      <dgm:prSet presAssocID="{08FF484F-03BD-48AA-808D-86A516758A5D}" presName="textRect" presStyleLbl="revTx" presStyleIdx="1" presStyleCnt="3">
        <dgm:presLayoutVars>
          <dgm:chMax val="1"/>
          <dgm:chPref val="1"/>
        </dgm:presLayoutVars>
      </dgm:prSet>
      <dgm:spPr/>
    </dgm:pt>
    <dgm:pt modelId="{660CACFA-73C0-45B2-B1EF-064CC0DB5D44}" type="pres">
      <dgm:prSet presAssocID="{1F964DA8-7233-4FF9-BB79-F6DBED9AB6EB}" presName="sibTrans" presStyleCnt="0"/>
      <dgm:spPr/>
    </dgm:pt>
    <dgm:pt modelId="{29EC7901-5AB5-4026-9D88-ABA874438B48}" type="pres">
      <dgm:prSet presAssocID="{E79B3A98-B54B-4513-82C2-202FF8ED3587}" presName="compNode" presStyleCnt="0"/>
      <dgm:spPr/>
    </dgm:pt>
    <dgm:pt modelId="{DEB65286-3977-42AD-B788-5EC0BB5CF7FD}" type="pres">
      <dgm:prSet presAssocID="{E79B3A98-B54B-4513-82C2-202FF8ED3587}" presName="iconBgRect" presStyleLbl="bgShp" presStyleIdx="2" presStyleCnt="3"/>
      <dgm:spPr>
        <a:prstGeom prst="round2DiagRect">
          <a:avLst>
            <a:gd name="adj1" fmla="val 29727"/>
            <a:gd name="adj2" fmla="val 0"/>
          </a:avLst>
        </a:prstGeom>
      </dgm:spPr>
    </dgm:pt>
    <dgm:pt modelId="{A56836EE-EC18-435A-B0E7-EB81BDCEEC4C}" type="pres">
      <dgm:prSet presAssocID="{E79B3A98-B54B-4513-82C2-202FF8ED3587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Marketing"/>
        </a:ext>
      </dgm:extLst>
    </dgm:pt>
    <dgm:pt modelId="{93C47D19-041B-4DAA-8F6E-E8D61521E00A}" type="pres">
      <dgm:prSet presAssocID="{E79B3A98-B54B-4513-82C2-202FF8ED3587}" presName="spaceRect" presStyleCnt="0"/>
      <dgm:spPr/>
    </dgm:pt>
    <dgm:pt modelId="{BEB52D6D-9E57-4D67-9A68-577BDB5C7FB2}" type="pres">
      <dgm:prSet presAssocID="{E79B3A98-B54B-4513-82C2-202FF8ED3587}" presName="textRect" presStyleLbl="revTx" presStyleIdx="2" presStyleCnt="3">
        <dgm:presLayoutVars>
          <dgm:chMax val="1"/>
          <dgm:chPref val="1"/>
        </dgm:presLayoutVars>
      </dgm:prSet>
      <dgm:spPr/>
    </dgm:pt>
  </dgm:ptLst>
  <dgm:cxnLst>
    <dgm:cxn modelId="{F17FD01A-6330-4141-8FB0-DE72E10B0A68}" srcId="{FF69FBD2-4E90-4A03-BBF8-5DB068C6942B}" destId="{08FF484F-03BD-48AA-808D-86A516758A5D}" srcOrd="1" destOrd="0" parTransId="{4619B3D1-7E7B-4422-A198-9AB649B45BE0}" sibTransId="{1F964DA8-7233-4FF9-BB79-F6DBED9AB6EB}"/>
    <dgm:cxn modelId="{48D46B25-DF75-45B1-BF98-BE84C11A2BDF}" type="presOf" srcId="{E79B3A98-B54B-4513-82C2-202FF8ED3587}" destId="{BEB52D6D-9E57-4D67-9A68-577BDB5C7FB2}" srcOrd="0" destOrd="0" presId="urn:microsoft.com/office/officeart/2018/5/layout/IconLeafLabelList"/>
    <dgm:cxn modelId="{EDA48C34-A3F5-4152-A739-6034270454D7}" type="presOf" srcId="{3BEB13CE-DA1D-4BAF-BB07-BF0D976B2FBC}" destId="{9668FEEF-D7B3-4397-A066-B6627ADC273D}" srcOrd="0" destOrd="0" presId="urn:microsoft.com/office/officeart/2018/5/layout/IconLeafLabelList"/>
    <dgm:cxn modelId="{C5B8A84F-91D5-488B-BB33-E30232A9543F}" srcId="{FF69FBD2-4E90-4A03-BBF8-5DB068C6942B}" destId="{3BEB13CE-DA1D-4BAF-BB07-BF0D976B2FBC}" srcOrd="0" destOrd="0" parTransId="{4B28CC53-C916-41BF-8D79-21EC59C7ED6B}" sibTransId="{8B0A2DEF-C152-48DB-8427-A6EEA7CF8561}"/>
    <dgm:cxn modelId="{87BF207C-B927-4A1F-B53F-08F55C058056}" type="presOf" srcId="{FF69FBD2-4E90-4A03-BBF8-5DB068C6942B}" destId="{99263F3A-03A1-4D83-9973-10581DE0F2BD}" srcOrd="0" destOrd="0" presId="urn:microsoft.com/office/officeart/2018/5/layout/IconLeafLabelList"/>
    <dgm:cxn modelId="{681B0ED3-D2A9-4E35-832B-65CF2B4730F5}" type="presOf" srcId="{08FF484F-03BD-48AA-808D-86A516758A5D}" destId="{AC8EC096-5F4C-4562-9098-CD8D7EC1436C}" srcOrd="0" destOrd="0" presId="urn:microsoft.com/office/officeart/2018/5/layout/IconLeafLabelList"/>
    <dgm:cxn modelId="{586074ED-EF58-4CFC-9BDB-425A8F5BB465}" srcId="{FF69FBD2-4E90-4A03-BBF8-5DB068C6942B}" destId="{E79B3A98-B54B-4513-82C2-202FF8ED3587}" srcOrd="2" destOrd="0" parTransId="{DF3CF2BB-CB12-48BE-AD98-86784D09C8FA}" sibTransId="{2E6294FD-6049-46FF-90F4-589A2E70BAEE}"/>
    <dgm:cxn modelId="{A538278A-0EC9-4360-BD53-6705C74D96FE}" type="presParOf" srcId="{99263F3A-03A1-4D83-9973-10581DE0F2BD}" destId="{89E218DB-281D-4F61-AF74-DC06BE50FFB2}" srcOrd="0" destOrd="0" presId="urn:microsoft.com/office/officeart/2018/5/layout/IconLeafLabelList"/>
    <dgm:cxn modelId="{18991D8A-762E-48E6-9C23-71F702C81398}" type="presParOf" srcId="{89E218DB-281D-4F61-AF74-DC06BE50FFB2}" destId="{B2A06933-DF17-432B-872A-177D285A2F54}" srcOrd="0" destOrd="0" presId="urn:microsoft.com/office/officeart/2018/5/layout/IconLeafLabelList"/>
    <dgm:cxn modelId="{B08A65E9-46DB-4EA9-B212-7455BC513CD9}" type="presParOf" srcId="{89E218DB-281D-4F61-AF74-DC06BE50FFB2}" destId="{F3B50A9A-D0C3-4A44-ACEA-56B0DC0FD821}" srcOrd="1" destOrd="0" presId="urn:microsoft.com/office/officeart/2018/5/layout/IconLeafLabelList"/>
    <dgm:cxn modelId="{7CD86A16-2191-402F-88D1-68EB56CE3AED}" type="presParOf" srcId="{89E218DB-281D-4F61-AF74-DC06BE50FFB2}" destId="{AEFE4263-8380-478D-8BB5-BD233373E9B8}" srcOrd="2" destOrd="0" presId="urn:microsoft.com/office/officeart/2018/5/layout/IconLeafLabelList"/>
    <dgm:cxn modelId="{6685998B-A14F-44E6-B276-A1E62E65D26C}" type="presParOf" srcId="{89E218DB-281D-4F61-AF74-DC06BE50FFB2}" destId="{9668FEEF-D7B3-4397-A066-B6627ADC273D}" srcOrd="3" destOrd="0" presId="urn:microsoft.com/office/officeart/2018/5/layout/IconLeafLabelList"/>
    <dgm:cxn modelId="{59B28FA2-5462-4868-A9EA-B4359E5FC466}" type="presParOf" srcId="{99263F3A-03A1-4D83-9973-10581DE0F2BD}" destId="{9CB9F5F2-CD9D-45B7-A340-2C5FC5B873C8}" srcOrd="1" destOrd="0" presId="urn:microsoft.com/office/officeart/2018/5/layout/IconLeafLabelList"/>
    <dgm:cxn modelId="{689D2D1E-DE71-4AFB-8FFD-10D666B6DEC7}" type="presParOf" srcId="{99263F3A-03A1-4D83-9973-10581DE0F2BD}" destId="{511DD9CA-1904-4431-8B48-7B5B7C03B537}" srcOrd="2" destOrd="0" presId="urn:microsoft.com/office/officeart/2018/5/layout/IconLeafLabelList"/>
    <dgm:cxn modelId="{0A5F980C-57AC-4C8D-A344-A8E6AD06A197}" type="presParOf" srcId="{511DD9CA-1904-4431-8B48-7B5B7C03B537}" destId="{F647DF90-D1DD-4A75-B608-4048DD1ADE7C}" srcOrd="0" destOrd="0" presId="urn:microsoft.com/office/officeart/2018/5/layout/IconLeafLabelList"/>
    <dgm:cxn modelId="{0BC3CD34-6DFA-4126-9276-8886FC16F504}" type="presParOf" srcId="{511DD9CA-1904-4431-8B48-7B5B7C03B537}" destId="{0881C818-63C9-4A7F-A325-4C6F3856F7AE}" srcOrd="1" destOrd="0" presId="urn:microsoft.com/office/officeart/2018/5/layout/IconLeafLabelList"/>
    <dgm:cxn modelId="{308B6AEF-CD93-49C5-97F4-DD5F14D81C5A}" type="presParOf" srcId="{511DD9CA-1904-4431-8B48-7B5B7C03B537}" destId="{56C7B6F1-9DF6-49D2-AB70-C5259FCAC128}" srcOrd="2" destOrd="0" presId="urn:microsoft.com/office/officeart/2018/5/layout/IconLeafLabelList"/>
    <dgm:cxn modelId="{50670599-3912-4818-A25B-E7E09876685C}" type="presParOf" srcId="{511DD9CA-1904-4431-8B48-7B5B7C03B537}" destId="{AC8EC096-5F4C-4562-9098-CD8D7EC1436C}" srcOrd="3" destOrd="0" presId="urn:microsoft.com/office/officeart/2018/5/layout/IconLeafLabelList"/>
    <dgm:cxn modelId="{D5A70F9B-91F5-47CE-807E-1D36AB0E376A}" type="presParOf" srcId="{99263F3A-03A1-4D83-9973-10581DE0F2BD}" destId="{660CACFA-73C0-45B2-B1EF-064CC0DB5D44}" srcOrd="3" destOrd="0" presId="urn:microsoft.com/office/officeart/2018/5/layout/IconLeafLabelList"/>
    <dgm:cxn modelId="{C10F897C-F407-4977-A937-E0203E5999C3}" type="presParOf" srcId="{99263F3A-03A1-4D83-9973-10581DE0F2BD}" destId="{29EC7901-5AB5-4026-9D88-ABA874438B48}" srcOrd="4" destOrd="0" presId="urn:microsoft.com/office/officeart/2018/5/layout/IconLeafLabelList"/>
    <dgm:cxn modelId="{C5D7B12D-FE60-48AC-9040-DAAB5B98C76D}" type="presParOf" srcId="{29EC7901-5AB5-4026-9D88-ABA874438B48}" destId="{DEB65286-3977-42AD-B788-5EC0BB5CF7FD}" srcOrd="0" destOrd="0" presId="urn:microsoft.com/office/officeart/2018/5/layout/IconLeafLabelList"/>
    <dgm:cxn modelId="{F9D1A5FB-F751-4B30-BD65-5174A27FE25B}" type="presParOf" srcId="{29EC7901-5AB5-4026-9D88-ABA874438B48}" destId="{A56836EE-EC18-435A-B0E7-EB81BDCEEC4C}" srcOrd="1" destOrd="0" presId="urn:microsoft.com/office/officeart/2018/5/layout/IconLeafLabelList"/>
    <dgm:cxn modelId="{A77ECA0D-0CA0-4895-BF10-6D9C9E01C579}" type="presParOf" srcId="{29EC7901-5AB5-4026-9D88-ABA874438B48}" destId="{93C47D19-041B-4DAA-8F6E-E8D61521E00A}" srcOrd="2" destOrd="0" presId="urn:microsoft.com/office/officeart/2018/5/layout/IconLeafLabelList"/>
    <dgm:cxn modelId="{50444843-A5AB-4C7A-896C-761C2D6DA17E}" type="presParOf" srcId="{29EC7901-5AB5-4026-9D88-ABA874438B48}" destId="{BEB52D6D-9E57-4D67-9A68-577BDB5C7FB2}" srcOrd="3" destOrd="0" presId="urn:microsoft.com/office/officeart/2018/5/layout/IconLeaf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CF06EC7-D6C1-4422-B387-F186235ACDCD}" type="doc">
      <dgm:prSet loTypeId="urn:microsoft.com/office/officeart/2018/2/layout/IconVerticalSolidList" loCatId="icon" qsTypeId="urn:microsoft.com/office/officeart/2005/8/quickstyle/simple1" qsCatId="simple" csTypeId="urn:microsoft.com/office/officeart/2018/5/colors/Iconchunking_neutralbg_accent6_2" csCatId="accent6" phldr="1"/>
      <dgm:spPr/>
      <dgm:t>
        <a:bodyPr/>
        <a:lstStyle/>
        <a:p>
          <a:endParaRPr lang="en-US"/>
        </a:p>
      </dgm:t>
    </dgm:pt>
    <dgm:pt modelId="{346F5773-8FE2-40BC-B527-3968883B623A}">
      <dgm:prSet custT="1"/>
      <dgm:spPr/>
      <dgm:t>
        <a:bodyPr/>
        <a:lstStyle/>
        <a:p>
          <a:r>
            <a:rPr lang="en-US" sz="3600" dirty="0"/>
            <a:t>Web server running on </a:t>
          </a:r>
          <a:r>
            <a:rPr lang="en-US" sz="3600" dirty="0">
              <a:solidFill>
                <a:schemeClr val="accent2"/>
              </a:solidFill>
            </a:rPr>
            <a:t>Linux</a:t>
          </a:r>
        </a:p>
      </dgm:t>
    </dgm:pt>
    <dgm:pt modelId="{A650F31D-5057-4AE1-BFA1-AC8354A857C6}" type="parTrans" cxnId="{EC32FB9A-AF62-4123-9FA6-512646E3E645}">
      <dgm:prSet/>
      <dgm:spPr/>
      <dgm:t>
        <a:bodyPr/>
        <a:lstStyle/>
        <a:p>
          <a:endParaRPr lang="en-US"/>
        </a:p>
      </dgm:t>
    </dgm:pt>
    <dgm:pt modelId="{9CEE49E0-448D-4D1F-B58C-9BA02AFC6454}" type="sibTrans" cxnId="{EC32FB9A-AF62-4123-9FA6-512646E3E645}">
      <dgm:prSet/>
      <dgm:spPr/>
      <dgm:t>
        <a:bodyPr/>
        <a:lstStyle/>
        <a:p>
          <a:endParaRPr lang="en-US"/>
        </a:p>
      </dgm:t>
    </dgm:pt>
    <dgm:pt modelId="{1359D954-9805-4CC1-9639-B328B7B377ED}">
      <dgm:prSet custT="1"/>
      <dgm:spPr/>
      <dgm:t>
        <a:bodyPr/>
        <a:lstStyle/>
        <a:p>
          <a:r>
            <a:rPr lang="en-US" sz="3600" dirty="0">
              <a:solidFill>
                <a:schemeClr val="accent2"/>
              </a:solidFill>
            </a:rPr>
            <a:t>Highly scalable</a:t>
          </a:r>
        </a:p>
      </dgm:t>
    </dgm:pt>
    <dgm:pt modelId="{1AC04ACA-BE40-4D80-920F-D2499C5334F0}" type="parTrans" cxnId="{7345C0E2-1967-43CA-AD53-88E73DB5A6D9}">
      <dgm:prSet/>
      <dgm:spPr/>
      <dgm:t>
        <a:bodyPr/>
        <a:lstStyle/>
        <a:p>
          <a:endParaRPr lang="en-US"/>
        </a:p>
      </dgm:t>
    </dgm:pt>
    <dgm:pt modelId="{23E4C493-A599-4725-87C6-A02A34EABEA4}" type="sibTrans" cxnId="{7345C0E2-1967-43CA-AD53-88E73DB5A6D9}">
      <dgm:prSet/>
      <dgm:spPr/>
      <dgm:t>
        <a:bodyPr/>
        <a:lstStyle/>
        <a:p>
          <a:endParaRPr lang="en-US"/>
        </a:p>
      </dgm:t>
    </dgm:pt>
    <dgm:pt modelId="{A45A6633-04FC-4594-8B53-27D7BBB84C27}">
      <dgm:prSet custT="1"/>
      <dgm:spPr/>
      <dgm:t>
        <a:bodyPr/>
        <a:lstStyle/>
        <a:p>
          <a:r>
            <a:rPr lang="en-US" sz="3200" dirty="0"/>
            <a:t>Custom Linux Kernel drivers developed for hardware components with </a:t>
          </a:r>
          <a:r>
            <a:rPr lang="en-US" sz="3200" dirty="0">
              <a:solidFill>
                <a:schemeClr val="accent2"/>
              </a:solidFill>
            </a:rPr>
            <a:t>IIO framework</a:t>
          </a:r>
        </a:p>
      </dgm:t>
    </dgm:pt>
    <dgm:pt modelId="{82C12665-B152-4188-A231-A241E3FD88C6}" type="parTrans" cxnId="{79A1B260-6C47-4D42-88F2-9D7658521336}">
      <dgm:prSet/>
      <dgm:spPr/>
      <dgm:t>
        <a:bodyPr/>
        <a:lstStyle/>
        <a:p>
          <a:endParaRPr lang="en-US"/>
        </a:p>
      </dgm:t>
    </dgm:pt>
    <dgm:pt modelId="{8195BDBF-7E57-4D8E-BB46-C86718C4D179}" type="sibTrans" cxnId="{79A1B260-6C47-4D42-88F2-9D7658521336}">
      <dgm:prSet/>
      <dgm:spPr/>
      <dgm:t>
        <a:bodyPr/>
        <a:lstStyle/>
        <a:p>
          <a:endParaRPr lang="en-US"/>
        </a:p>
      </dgm:t>
    </dgm:pt>
    <dgm:pt modelId="{F4130180-1AAD-4AD4-9E90-8E95D15EE568}" type="pres">
      <dgm:prSet presAssocID="{2CF06EC7-D6C1-4422-B387-F186235ACDCD}" presName="root" presStyleCnt="0">
        <dgm:presLayoutVars>
          <dgm:dir/>
          <dgm:resizeHandles val="exact"/>
        </dgm:presLayoutVars>
      </dgm:prSet>
      <dgm:spPr/>
    </dgm:pt>
    <dgm:pt modelId="{A26E6D56-9ACC-4813-81FE-5ED2EF8662CE}" type="pres">
      <dgm:prSet presAssocID="{346F5773-8FE2-40BC-B527-3968883B623A}" presName="compNode" presStyleCnt="0"/>
      <dgm:spPr/>
    </dgm:pt>
    <dgm:pt modelId="{53BE70CA-91D0-4918-B74E-79BA14F4FF12}" type="pres">
      <dgm:prSet presAssocID="{346F5773-8FE2-40BC-B527-3968883B623A}" presName="bgRect" presStyleLbl="bgShp" presStyleIdx="0" presStyleCnt="3"/>
      <dgm:spPr/>
    </dgm:pt>
    <dgm:pt modelId="{C104B0AE-9C62-4A72-B878-9B90499B73C9}" type="pres">
      <dgm:prSet presAssocID="{346F5773-8FE2-40BC-B527-3968883B623A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30C3A2DB-A670-4A99-BB37-EF7F9C04800F}" type="pres">
      <dgm:prSet presAssocID="{346F5773-8FE2-40BC-B527-3968883B623A}" presName="spaceRect" presStyleCnt="0"/>
      <dgm:spPr/>
    </dgm:pt>
    <dgm:pt modelId="{0B64A857-0E25-4EBB-BE5F-8D0A7A2E23BA}" type="pres">
      <dgm:prSet presAssocID="{346F5773-8FE2-40BC-B527-3968883B623A}" presName="parTx" presStyleLbl="revTx" presStyleIdx="0" presStyleCnt="3">
        <dgm:presLayoutVars>
          <dgm:chMax val="0"/>
          <dgm:chPref val="0"/>
        </dgm:presLayoutVars>
      </dgm:prSet>
      <dgm:spPr/>
    </dgm:pt>
    <dgm:pt modelId="{0D1A7950-2EB0-4277-BE5F-178C9C49A1A9}" type="pres">
      <dgm:prSet presAssocID="{9CEE49E0-448D-4D1F-B58C-9BA02AFC6454}" presName="sibTrans" presStyleCnt="0"/>
      <dgm:spPr/>
    </dgm:pt>
    <dgm:pt modelId="{BB47ABC0-D962-48E6-A27C-86D47FD0FF8E}" type="pres">
      <dgm:prSet presAssocID="{1359D954-9805-4CC1-9639-B328B7B377ED}" presName="compNode" presStyleCnt="0"/>
      <dgm:spPr/>
    </dgm:pt>
    <dgm:pt modelId="{38F210EA-638C-4332-AE85-41AB6C51AEBB}" type="pres">
      <dgm:prSet presAssocID="{1359D954-9805-4CC1-9639-B328B7B377ED}" presName="bgRect" presStyleLbl="bgShp" presStyleIdx="1" presStyleCnt="3" custLinFactNeighborX="-20853" custLinFactNeighborY="720"/>
      <dgm:spPr/>
    </dgm:pt>
    <dgm:pt modelId="{5BCBCF4A-751A-45C9-866E-C2F3F6E54183}" type="pres">
      <dgm:prSet presAssocID="{1359D954-9805-4CC1-9639-B328B7B377ED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auge"/>
        </a:ext>
      </dgm:extLst>
    </dgm:pt>
    <dgm:pt modelId="{04D4BF3B-F4E9-43B6-9506-ED2EEEB35D10}" type="pres">
      <dgm:prSet presAssocID="{1359D954-9805-4CC1-9639-B328B7B377ED}" presName="spaceRect" presStyleCnt="0"/>
      <dgm:spPr/>
    </dgm:pt>
    <dgm:pt modelId="{22BA8035-B535-4E74-840B-E2737420C214}" type="pres">
      <dgm:prSet presAssocID="{1359D954-9805-4CC1-9639-B328B7B377ED}" presName="parTx" presStyleLbl="revTx" presStyleIdx="1" presStyleCnt="3">
        <dgm:presLayoutVars>
          <dgm:chMax val="0"/>
          <dgm:chPref val="0"/>
        </dgm:presLayoutVars>
      </dgm:prSet>
      <dgm:spPr/>
    </dgm:pt>
    <dgm:pt modelId="{EDC17B44-CF14-471B-9333-1B79BB7D8BF1}" type="pres">
      <dgm:prSet presAssocID="{23E4C493-A599-4725-87C6-A02A34EABEA4}" presName="sibTrans" presStyleCnt="0"/>
      <dgm:spPr/>
    </dgm:pt>
    <dgm:pt modelId="{DC91759D-E28F-4F6D-B023-E618C24FD9BF}" type="pres">
      <dgm:prSet presAssocID="{A45A6633-04FC-4594-8B53-27D7BBB84C27}" presName="compNode" presStyleCnt="0"/>
      <dgm:spPr/>
    </dgm:pt>
    <dgm:pt modelId="{4F59AF1F-03F9-42A7-A657-86BB5A1CF607}" type="pres">
      <dgm:prSet presAssocID="{A45A6633-04FC-4594-8B53-27D7BBB84C27}" presName="bgRect" presStyleLbl="bgShp" presStyleIdx="2" presStyleCnt="3"/>
      <dgm:spPr/>
    </dgm:pt>
    <dgm:pt modelId="{EEC0EB26-CBEC-4F5E-B46C-41297344EFE3}" type="pres">
      <dgm:prSet presAssocID="{A45A6633-04FC-4594-8B53-27D7BBB84C27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2C215C3A-FCE8-4DBC-BDF9-F3AC64B663AB}" type="pres">
      <dgm:prSet presAssocID="{A45A6633-04FC-4594-8B53-27D7BBB84C27}" presName="spaceRect" presStyleCnt="0"/>
      <dgm:spPr/>
    </dgm:pt>
    <dgm:pt modelId="{F6C81ECA-F303-44D5-96BA-9740B9689002}" type="pres">
      <dgm:prSet presAssocID="{A45A6633-04FC-4594-8B53-27D7BBB84C27}" presName="parTx" presStyleLbl="revTx" presStyleIdx="2" presStyleCnt="3">
        <dgm:presLayoutVars>
          <dgm:chMax val="0"/>
          <dgm:chPref val="0"/>
        </dgm:presLayoutVars>
      </dgm:prSet>
      <dgm:spPr/>
    </dgm:pt>
  </dgm:ptLst>
  <dgm:cxnLst>
    <dgm:cxn modelId="{17F51003-75EE-4D82-9F4A-950A7537212A}" type="presOf" srcId="{A45A6633-04FC-4594-8B53-27D7BBB84C27}" destId="{F6C81ECA-F303-44D5-96BA-9740B9689002}" srcOrd="0" destOrd="0" presId="urn:microsoft.com/office/officeart/2018/2/layout/IconVerticalSolidList"/>
    <dgm:cxn modelId="{8FF9FB3C-435A-4111-80ED-021B5D749A6C}" type="presOf" srcId="{1359D954-9805-4CC1-9639-B328B7B377ED}" destId="{22BA8035-B535-4E74-840B-E2737420C214}" srcOrd="0" destOrd="0" presId="urn:microsoft.com/office/officeart/2018/2/layout/IconVerticalSolidList"/>
    <dgm:cxn modelId="{79A1B260-6C47-4D42-88F2-9D7658521336}" srcId="{2CF06EC7-D6C1-4422-B387-F186235ACDCD}" destId="{A45A6633-04FC-4594-8B53-27D7BBB84C27}" srcOrd="2" destOrd="0" parTransId="{82C12665-B152-4188-A231-A241E3FD88C6}" sibTransId="{8195BDBF-7E57-4D8E-BB46-C86718C4D179}"/>
    <dgm:cxn modelId="{EC32FB9A-AF62-4123-9FA6-512646E3E645}" srcId="{2CF06EC7-D6C1-4422-B387-F186235ACDCD}" destId="{346F5773-8FE2-40BC-B527-3968883B623A}" srcOrd="0" destOrd="0" parTransId="{A650F31D-5057-4AE1-BFA1-AC8354A857C6}" sibTransId="{9CEE49E0-448D-4D1F-B58C-9BA02AFC6454}"/>
    <dgm:cxn modelId="{347C49BF-874B-46C1-A431-FA51B22DC82F}" type="presOf" srcId="{2CF06EC7-D6C1-4422-B387-F186235ACDCD}" destId="{F4130180-1AAD-4AD4-9E90-8E95D15EE568}" srcOrd="0" destOrd="0" presId="urn:microsoft.com/office/officeart/2018/2/layout/IconVerticalSolidList"/>
    <dgm:cxn modelId="{7345C0E2-1967-43CA-AD53-88E73DB5A6D9}" srcId="{2CF06EC7-D6C1-4422-B387-F186235ACDCD}" destId="{1359D954-9805-4CC1-9639-B328B7B377ED}" srcOrd="1" destOrd="0" parTransId="{1AC04ACA-BE40-4D80-920F-D2499C5334F0}" sibTransId="{23E4C493-A599-4725-87C6-A02A34EABEA4}"/>
    <dgm:cxn modelId="{8B7CAFF2-AFA0-44C8-8EC8-22D9A2F2D91E}" type="presOf" srcId="{346F5773-8FE2-40BC-B527-3968883B623A}" destId="{0B64A857-0E25-4EBB-BE5F-8D0A7A2E23BA}" srcOrd="0" destOrd="0" presId="urn:microsoft.com/office/officeart/2018/2/layout/IconVerticalSolidList"/>
    <dgm:cxn modelId="{F7A180AA-59D0-4C28-9487-CCD32DADBEDD}" type="presParOf" srcId="{F4130180-1AAD-4AD4-9E90-8E95D15EE568}" destId="{A26E6D56-9ACC-4813-81FE-5ED2EF8662CE}" srcOrd="0" destOrd="0" presId="urn:microsoft.com/office/officeart/2018/2/layout/IconVerticalSolidList"/>
    <dgm:cxn modelId="{26484808-7BA4-4B2F-B470-CF50DAC53FB2}" type="presParOf" srcId="{A26E6D56-9ACC-4813-81FE-5ED2EF8662CE}" destId="{53BE70CA-91D0-4918-B74E-79BA14F4FF12}" srcOrd="0" destOrd="0" presId="urn:microsoft.com/office/officeart/2018/2/layout/IconVerticalSolidList"/>
    <dgm:cxn modelId="{59607DCA-26F9-4DA1-87F3-6B6B9B2F88D1}" type="presParOf" srcId="{A26E6D56-9ACC-4813-81FE-5ED2EF8662CE}" destId="{C104B0AE-9C62-4A72-B878-9B90499B73C9}" srcOrd="1" destOrd="0" presId="urn:microsoft.com/office/officeart/2018/2/layout/IconVerticalSolidList"/>
    <dgm:cxn modelId="{F31AFE45-C12C-4832-89B6-2636CCD8B8AC}" type="presParOf" srcId="{A26E6D56-9ACC-4813-81FE-5ED2EF8662CE}" destId="{30C3A2DB-A670-4A99-BB37-EF7F9C04800F}" srcOrd="2" destOrd="0" presId="urn:microsoft.com/office/officeart/2018/2/layout/IconVerticalSolidList"/>
    <dgm:cxn modelId="{73E21EFF-BDE9-41B6-8127-061F13276C2F}" type="presParOf" srcId="{A26E6D56-9ACC-4813-81FE-5ED2EF8662CE}" destId="{0B64A857-0E25-4EBB-BE5F-8D0A7A2E23BA}" srcOrd="3" destOrd="0" presId="urn:microsoft.com/office/officeart/2018/2/layout/IconVerticalSolidList"/>
    <dgm:cxn modelId="{89F26E48-C1D9-494D-9BC4-2AE8D9FEF157}" type="presParOf" srcId="{F4130180-1AAD-4AD4-9E90-8E95D15EE568}" destId="{0D1A7950-2EB0-4277-BE5F-178C9C49A1A9}" srcOrd="1" destOrd="0" presId="urn:microsoft.com/office/officeart/2018/2/layout/IconVerticalSolidList"/>
    <dgm:cxn modelId="{6CDED744-32E9-4A4D-B7B6-13B07B34468E}" type="presParOf" srcId="{F4130180-1AAD-4AD4-9E90-8E95D15EE568}" destId="{BB47ABC0-D962-48E6-A27C-86D47FD0FF8E}" srcOrd="2" destOrd="0" presId="urn:microsoft.com/office/officeart/2018/2/layout/IconVerticalSolidList"/>
    <dgm:cxn modelId="{611B3239-2887-4AB3-90CD-8E673166EF14}" type="presParOf" srcId="{BB47ABC0-D962-48E6-A27C-86D47FD0FF8E}" destId="{38F210EA-638C-4332-AE85-41AB6C51AEBB}" srcOrd="0" destOrd="0" presId="urn:microsoft.com/office/officeart/2018/2/layout/IconVerticalSolidList"/>
    <dgm:cxn modelId="{7AD59622-59B8-46B4-BFD1-64D4E7AE23AE}" type="presParOf" srcId="{BB47ABC0-D962-48E6-A27C-86D47FD0FF8E}" destId="{5BCBCF4A-751A-45C9-866E-C2F3F6E54183}" srcOrd="1" destOrd="0" presId="urn:microsoft.com/office/officeart/2018/2/layout/IconVerticalSolidList"/>
    <dgm:cxn modelId="{6C65360E-9830-4098-A5C0-5F4ADE1506C8}" type="presParOf" srcId="{BB47ABC0-D962-48E6-A27C-86D47FD0FF8E}" destId="{04D4BF3B-F4E9-43B6-9506-ED2EEEB35D10}" srcOrd="2" destOrd="0" presId="urn:microsoft.com/office/officeart/2018/2/layout/IconVerticalSolidList"/>
    <dgm:cxn modelId="{48BB6F93-22F1-415A-A3F1-18F50DD2CC70}" type="presParOf" srcId="{BB47ABC0-D962-48E6-A27C-86D47FD0FF8E}" destId="{22BA8035-B535-4E74-840B-E2737420C214}" srcOrd="3" destOrd="0" presId="urn:microsoft.com/office/officeart/2018/2/layout/IconVerticalSolidList"/>
    <dgm:cxn modelId="{2BAA6A78-B48A-4CAE-ABCE-D89D3709A424}" type="presParOf" srcId="{F4130180-1AAD-4AD4-9E90-8E95D15EE568}" destId="{EDC17B44-CF14-471B-9333-1B79BB7D8BF1}" srcOrd="3" destOrd="0" presId="urn:microsoft.com/office/officeart/2018/2/layout/IconVerticalSolidList"/>
    <dgm:cxn modelId="{543C4776-9D64-4727-BE1A-44F44D95409E}" type="presParOf" srcId="{F4130180-1AAD-4AD4-9E90-8E95D15EE568}" destId="{DC91759D-E28F-4F6D-B023-E618C24FD9BF}" srcOrd="4" destOrd="0" presId="urn:microsoft.com/office/officeart/2018/2/layout/IconVerticalSolidList"/>
    <dgm:cxn modelId="{80C277FA-9155-45CC-B0EC-57D5CF04ACE1}" type="presParOf" srcId="{DC91759D-E28F-4F6D-B023-E618C24FD9BF}" destId="{4F59AF1F-03F9-42A7-A657-86BB5A1CF607}" srcOrd="0" destOrd="0" presId="urn:microsoft.com/office/officeart/2018/2/layout/IconVerticalSolidList"/>
    <dgm:cxn modelId="{72C24F48-129D-4C61-900B-9B7FFCFB78CA}" type="presParOf" srcId="{DC91759D-E28F-4F6D-B023-E618C24FD9BF}" destId="{EEC0EB26-CBEC-4F5E-B46C-41297344EFE3}" srcOrd="1" destOrd="0" presId="urn:microsoft.com/office/officeart/2018/2/layout/IconVerticalSolidList"/>
    <dgm:cxn modelId="{059CAAFE-2687-4F41-B4B3-B507A3BA77DA}" type="presParOf" srcId="{DC91759D-E28F-4F6D-B023-E618C24FD9BF}" destId="{2C215C3A-FCE8-4DBC-BDF9-F3AC64B663AB}" srcOrd="2" destOrd="0" presId="urn:microsoft.com/office/officeart/2018/2/layout/IconVerticalSolidList"/>
    <dgm:cxn modelId="{413990E5-566D-453C-843A-B731E899113B}" type="presParOf" srcId="{DC91759D-E28F-4F6D-B023-E618C24FD9BF}" destId="{F6C81ECA-F303-44D5-96BA-9740B9689002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D814A938-853D-414A-AAE3-64DF488FAC26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2F679955-6979-4C70-9D0B-2EECABDF23F7}">
      <dgm:prSet custT="1"/>
      <dgm:spPr/>
      <dgm:t>
        <a:bodyPr/>
        <a:lstStyle/>
        <a:p>
          <a:r>
            <a:rPr lang="en-US" sz="3200" dirty="0"/>
            <a:t>Hardware accelerated</a:t>
          </a:r>
        </a:p>
      </dgm:t>
    </dgm:pt>
    <dgm:pt modelId="{7FA07895-4A01-45F8-BB01-58650D29425C}" type="parTrans" cxnId="{2D35930A-9362-4317-887B-E1C3BA1B6A06}">
      <dgm:prSet/>
      <dgm:spPr/>
      <dgm:t>
        <a:bodyPr/>
        <a:lstStyle/>
        <a:p>
          <a:endParaRPr lang="en-US"/>
        </a:p>
      </dgm:t>
    </dgm:pt>
    <dgm:pt modelId="{59BB9F36-6B01-47FD-950F-26E5FA708A63}" type="sibTrans" cxnId="{2D35930A-9362-4317-887B-E1C3BA1B6A06}">
      <dgm:prSet/>
      <dgm:spPr/>
      <dgm:t>
        <a:bodyPr/>
        <a:lstStyle/>
        <a:p>
          <a:endParaRPr lang="en-US"/>
        </a:p>
      </dgm:t>
    </dgm:pt>
    <dgm:pt modelId="{4815C7C9-B9E2-41E5-8480-AE7DBBF7288C}">
      <dgm:prSet/>
      <dgm:spPr/>
      <dgm:t>
        <a:bodyPr/>
        <a:lstStyle/>
        <a:p>
          <a:r>
            <a:rPr lang="en-US" dirty="0"/>
            <a:t>Receives </a:t>
          </a:r>
          <a:r>
            <a:rPr lang="en-US" dirty="0">
              <a:solidFill>
                <a:schemeClr val="accent2"/>
              </a:solidFill>
            </a:rPr>
            <a:t>random locations </a:t>
          </a:r>
          <a:r>
            <a:rPr lang="en-US" dirty="0"/>
            <a:t>from Linux Kernel via </a:t>
          </a:r>
          <a:r>
            <a:rPr lang="en-US" dirty="0">
              <a:solidFill>
                <a:schemeClr val="accent2"/>
              </a:solidFill>
            </a:rPr>
            <a:t>AXI Stream</a:t>
          </a:r>
        </a:p>
      </dgm:t>
    </dgm:pt>
    <dgm:pt modelId="{8A555E96-2F77-4AB6-9DA2-B3B0A84D4037}" type="parTrans" cxnId="{68E04DEA-4879-4823-9F51-881C0B4BD969}">
      <dgm:prSet/>
      <dgm:spPr/>
      <dgm:t>
        <a:bodyPr/>
        <a:lstStyle/>
        <a:p>
          <a:endParaRPr lang="en-US"/>
        </a:p>
      </dgm:t>
    </dgm:pt>
    <dgm:pt modelId="{51005363-5E00-4EA2-AC83-1F3FCE6EFD26}" type="sibTrans" cxnId="{68E04DEA-4879-4823-9F51-881C0B4BD969}">
      <dgm:prSet/>
      <dgm:spPr/>
      <dgm:t>
        <a:bodyPr/>
        <a:lstStyle/>
        <a:p>
          <a:endParaRPr lang="en-US"/>
        </a:p>
      </dgm:t>
    </dgm:pt>
    <dgm:pt modelId="{27C767BE-20C1-4F0F-B40B-48CFF6B03C77}">
      <dgm:prSet/>
      <dgm:spPr/>
      <dgm:t>
        <a:bodyPr/>
        <a:lstStyle/>
        <a:p>
          <a:r>
            <a:rPr lang="en-US" dirty="0"/>
            <a:t>Receives </a:t>
          </a:r>
          <a:r>
            <a:rPr lang="en-US" dirty="0">
              <a:solidFill>
                <a:schemeClr val="accent2"/>
              </a:solidFill>
            </a:rPr>
            <a:t>chip temperature</a:t>
          </a:r>
        </a:p>
      </dgm:t>
    </dgm:pt>
    <dgm:pt modelId="{6D4B21ED-F0D9-4245-B5E3-987F26E7DF24}" type="parTrans" cxnId="{7661D6EB-1801-466B-B0F4-E0556CCD8CF3}">
      <dgm:prSet/>
      <dgm:spPr/>
      <dgm:t>
        <a:bodyPr/>
        <a:lstStyle/>
        <a:p>
          <a:endParaRPr lang="en-US"/>
        </a:p>
      </dgm:t>
    </dgm:pt>
    <dgm:pt modelId="{E775832F-CF1A-4E39-B942-E4121E005679}" type="sibTrans" cxnId="{7661D6EB-1801-466B-B0F4-E0556CCD8CF3}">
      <dgm:prSet/>
      <dgm:spPr/>
      <dgm:t>
        <a:bodyPr/>
        <a:lstStyle/>
        <a:p>
          <a:endParaRPr lang="en-US"/>
        </a:p>
      </dgm:t>
    </dgm:pt>
    <dgm:pt modelId="{A1E87A81-7195-4228-866A-49772B80DA7F}">
      <dgm:prSet/>
      <dgm:spPr/>
      <dgm:t>
        <a:bodyPr/>
        <a:lstStyle/>
        <a:p>
          <a:r>
            <a:rPr lang="en-US" dirty="0">
              <a:solidFill>
                <a:schemeClr val="accent2"/>
              </a:solidFill>
            </a:rPr>
            <a:t>Custom Linux Kernel driver</a:t>
          </a:r>
          <a:r>
            <a:rPr lang="en-US" dirty="0"/>
            <a:t> for it</a:t>
          </a:r>
        </a:p>
      </dgm:t>
    </dgm:pt>
    <dgm:pt modelId="{6659FE9A-7742-4F7A-8EAF-B1004482FCCC}" type="parTrans" cxnId="{1C01475D-1568-4BE1-A927-CC151C09C072}">
      <dgm:prSet/>
      <dgm:spPr/>
      <dgm:t>
        <a:bodyPr/>
        <a:lstStyle/>
        <a:p>
          <a:endParaRPr lang="en-US"/>
        </a:p>
      </dgm:t>
    </dgm:pt>
    <dgm:pt modelId="{E8AAD1AF-8327-443D-AA4C-5F17772FA5B9}" type="sibTrans" cxnId="{1C01475D-1568-4BE1-A927-CC151C09C072}">
      <dgm:prSet/>
      <dgm:spPr/>
      <dgm:t>
        <a:bodyPr/>
        <a:lstStyle/>
        <a:p>
          <a:endParaRPr lang="en-US"/>
        </a:p>
      </dgm:t>
    </dgm:pt>
    <dgm:pt modelId="{549B5B9C-C16F-4FE6-A486-7181D853C02C}" type="pres">
      <dgm:prSet presAssocID="{D814A938-853D-414A-AAE3-64DF488FAC26}" presName="root" presStyleCnt="0">
        <dgm:presLayoutVars>
          <dgm:dir/>
          <dgm:resizeHandles val="exact"/>
        </dgm:presLayoutVars>
      </dgm:prSet>
      <dgm:spPr/>
    </dgm:pt>
    <dgm:pt modelId="{596DF6FB-95E7-4C96-ABE9-0D399BFD3D51}" type="pres">
      <dgm:prSet presAssocID="{2F679955-6979-4C70-9D0B-2EECABDF23F7}" presName="compNode" presStyleCnt="0"/>
      <dgm:spPr/>
    </dgm:pt>
    <dgm:pt modelId="{88299136-B81F-4877-BCE5-E50270B81736}" type="pres">
      <dgm:prSet presAssocID="{2F679955-6979-4C70-9D0B-2EECABDF23F7}" presName="iconRect" presStyleLbl="node1" presStyleIdx="0" presStyleCnt="4"/>
      <dgm:spPr>
        <a:blipFill rotWithShape="1">
          <a:blip xmlns:r="http://schemas.openxmlformats.org/officeDocument/2006/relationships" r:embed="rId1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2"/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ln>
          <a:noFill/>
        </a:ln>
      </dgm:spPr>
      <dgm:extLst/>
    </dgm:pt>
    <dgm:pt modelId="{EA1EDBE0-56E0-48AA-9286-650E6EA40C98}" type="pres">
      <dgm:prSet presAssocID="{2F679955-6979-4C70-9D0B-2EECABDF23F7}" presName="spaceRect" presStyleCnt="0"/>
      <dgm:spPr/>
    </dgm:pt>
    <dgm:pt modelId="{F98BE433-EAFE-4659-80A6-BF37F0AFE6AD}" type="pres">
      <dgm:prSet presAssocID="{2F679955-6979-4C70-9D0B-2EECABDF23F7}" presName="textRect" presStyleLbl="revTx" presStyleIdx="0" presStyleCnt="4">
        <dgm:presLayoutVars>
          <dgm:chMax val="1"/>
          <dgm:chPref val="1"/>
        </dgm:presLayoutVars>
      </dgm:prSet>
      <dgm:spPr/>
    </dgm:pt>
    <dgm:pt modelId="{FDC02625-7246-45B5-8CEC-544EA7E96E85}" type="pres">
      <dgm:prSet presAssocID="{59BB9F36-6B01-47FD-950F-26E5FA708A63}" presName="sibTrans" presStyleCnt="0"/>
      <dgm:spPr/>
    </dgm:pt>
    <dgm:pt modelId="{65D61A77-A7AB-43EA-9810-920A6E85CBE4}" type="pres">
      <dgm:prSet presAssocID="{4815C7C9-B9E2-41E5-8480-AE7DBBF7288C}" presName="compNode" presStyleCnt="0"/>
      <dgm:spPr/>
    </dgm:pt>
    <dgm:pt modelId="{7C40316E-1DFC-4F89-8977-B1B9E35A7E4F}" type="pres">
      <dgm:prSet presAssocID="{4815C7C9-B9E2-41E5-8480-AE7DBBF7288C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4B76412C-CBC6-4387-A837-C6DCECCA8439}" type="pres">
      <dgm:prSet presAssocID="{4815C7C9-B9E2-41E5-8480-AE7DBBF7288C}" presName="spaceRect" presStyleCnt="0"/>
      <dgm:spPr/>
    </dgm:pt>
    <dgm:pt modelId="{8F5A3BA7-13D9-41BA-988D-68BB22D7714E}" type="pres">
      <dgm:prSet presAssocID="{4815C7C9-B9E2-41E5-8480-AE7DBBF7288C}" presName="textRect" presStyleLbl="revTx" presStyleIdx="1" presStyleCnt="4">
        <dgm:presLayoutVars>
          <dgm:chMax val="1"/>
          <dgm:chPref val="1"/>
        </dgm:presLayoutVars>
      </dgm:prSet>
      <dgm:spPr/>
    </dgm:pt>
    <dgm:pt modelId="{3B76101F-61C7-43A4-BBCA-A9CAD77F14CA}" type="pres">
      <dgm:prSet presAssocID="{51005363-5E00-4EA2-AC83-1F3FCE6EFD26}" presName="sibTrans" presStyleCnt="0"/>
      <dgm:spPr/>
    </dgm:pt>
    <dgm:pt modelId="{B2CD4DF4-129D-4880-AFEB-663A85E0E59D}" type="pres">
      <dgm:prSet presAssocID="{27C767BE-20C1-4F0F-B40B-48CFF6B03C77}" presName="compNode" presStyleCnt="0"/>
      <dgm:spPr/>
    </dgm:pt>
    <dgm:pt modelId="{80F5D892-3800-4B56-9C54-A0EA7A10B94A}" type="pres">
      <dgm:prSet presAssocID="{27C767BE-20C1-4F0F-B40B-48CFF6B03C77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Thermometer"/>
        </a:ext>
      </dgm:extLst>
    </dgm:pt>
    <dgm:pt modelId="{2B78D405-D09E-4AEE-8E82-881715553AEC}" type="pres">
      <dgm:prSet presAssocID="{27C767BE-20C1-4F0F-B40B-48CFF6B03C77}" presName="spaceRect" presStyleCnt="0"/>
      <dgm:spPr/>
    </dgm:pt>
    <dgm:pt modelId="{139F9AE3-55C5-48CE-B88C-F07D2AFD6FD9}" type="pres">
      <dgm:prSet presAssocID="{27C767BE-20C1-4F0F-B40B-48CFF6B03C77}" presName="textRect" presStyleLbl="revTx" presStyleIdx="2" presStyleCnt="4">
        <dgm:presLayoutVars>
          <dgm:chMax val="1"/>
          <dgm:chPref val="1"/>
        </dgm:presLayoutVars>
      </dgm:prSet>
      <dgm:spPr/>
    </dgm:pt>
    <dgm:pt modelId="{62617329-76EB-44CE-8FF8-EB8A7C70F806}" type="pres">
      <dgm:prSet presAssocID="{E775832F-CF1A-4E39-B942-E4121E005679}" presName="sibTrans" presStyleCnt="0"/>
      <dgm:spPr/>
    </dgm:pt>
    <dgm:pt modelId="{D2DF7DD6-0F46-4D26-BB75-43E8A779E5E3}" type="pres">
      <dgm:prSet presAssocID="{A1E87A81-7195-4228-866A-49772B80DA7F}" presName="compNode" presStyleCnt="0"/>
      <dgm:spPr/>
    </dgm:pt>
    <dgm:pt modelId="{3A78A701-6C05-4437-808B-1C5774695C33}" type="pres">
      <dgm:prSet presAssocID="{A1E87A81-7195-4228-866A-49772B80DA7F}" presName="iconRect" presStyleLbl="node1" presStyleIdx="3" presStyleCnt="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ingle gear"/>
        </a:ext>
      </dgm:extLst>
    </dgm:pt>
    <dgm:pt modelId="{BA374556-ED8D-43CA-B9C2-F1C815C6DCB7}" type="pres">
      <dgm:prSet presAssocID="{A1E87A81-7195-4228-866A-49772B80DA7F}" presName="spaceRect" presStyleCnt="0"/>
      <dgm:spPr/>
    </dgm:pt>
    <dgm:pt modelId="{FA1F7C73-9E54-4E60-9C66-D47C7A1E1039}" type="pres">
      <dgm:prSet presAssocID="{A1E87A81-7195-4228-866A-49772B80DA7F}" presName="textRect" presStyleLbl="revTx" presStyleIdx="3" presStyleCnt="4">
        <dgm:presLayoutVars>
          <dgm:chMax val="1"/>
          <dgm:chPref val="1"/>
        </dgm:presLayoutVars>
      </dgm:prSet>
      <dgm:spPr/>
    </dgm:pt>
  </dgm:ptLst>
  <dgm:cxnLst>
    <dgm:cxn modelId="{2D35930A-9362-4317-887B-E1C3BA1B6A06}" srcId="{D814A938-853D-414A-AAE3-64DF488FAC26}" destId="{2F679955-6979-4C70-9D0B-2EECABDF23F7}" srcOrd="0" destOrd="0" parTransId="{7FA07895-4A01-45F8-BB01-58650D29425C}" sibTransId="{59BB9F36-6B01-47FD-950F-26E5FA708A63}"/>
    <dgm:cxn modelId="{EE93160F-8FFC-4B1D-996B-F558F9072438}" type="presOf" srcId="{4815C7C9-B9E2-41E5-8480-AE7DBBF7288C}" destId="{8F5A3BA7-13D9-41BA-988D-68BB22D7714E}" srcOrd="0" destOrd="0" presId="urn:microsoft.com/office/officeart/2018/2/layout/IconLabelList"/>
    <dgm:cxn modelId="{5493AA37-7789-40CB-8601-918F5370C4B1}" type="presOf" srcId="{A1E87A81-7195-4228-866A-49772B80DA7F}" destId="{FA1F7C73-9E54-4E60-9C66-D47C7A1E1039}" srcOrd="0" destOrd="0" presId="urn:microsoft.com/office/officeart/2018/2/layout/IconLabelList"/>
    <dgm:cxn modelId="{1C01475D-1568-4BE1-A927-CC151C09C072}" srcId="{D814A938-853D-414A-AAE3-64DF488FAC26}" destId="{A1E87A81-7195-4228-866A-49772B80DA7F}" srcOrd="3" destOrd="0" parTransId="{6659FE9A-7742-4F7A-8EAF-B1004482FCCC}" sibTransId="{E8AAD1AF-8327-443D-AA4C-5F17772FA5B9}"/>
    <dgm:cxn modelId="{79C71388-2318-4520-97C5-92595974047B}" type="presOf" srcId="{D814A938-853D-414A-AAE3-64DF488FAC26}" destId="{549B5B9C-C16F-4FE6-A486-7181D853C02C}" srcOrd="0" destOrd="0" presId="urn:microsoft.com/office/officeart/2018/2/layout/IconLabelList"/>
    <dgm:cxn modelId="{68E04DEA-4879-4823-9F51-881C0B4BD969}" srcId="{D814A938-853D-414A-AAE3-64DF488FAC26}" destId="{4815C7C9-B9E2-41E5-8480-AE7DBBF7288C}" srcOrd="1" destOrd="0" parTransId="{8A555E96-2F77-4AB6-9DA2-B3B0A84D4037}" sibTransId="{51005363-5E00-4EA2-AC83-1F3FCE6EFD26}"/>
    <dgm:cxn modelId="{856760EB-AF54-40F7-8B69-4A44374FC1A8}" type="presOf" srcId="{2F679955-6979-4C70-9D0B-2EECABDF23F7}" destId="{F98BE433-EAFE-4659-80A6-BF37F0AFE6AD}" srcOrd="0" destOrd="0" presId="urn:microsoft.com/office/officeart/2018/2/layout/IconLabelList"/>
    <dgm:cxn modelId="{7661D6EB-1801-466B-B0F4-E0556CCD8CF3}" srcId="{D814A938-853D-414A-AAE3-64DF488FAC26}" destId="{27C767BE-20C1-4F0F-B40B-48CFF6B03C77}" srcOrd="2" destOrd="0" parTransId="{6D4B21ED-F0D9-4245-B5E3-987F26E7DF24}" sibTransId="{E775832F-CF1A-4E39-B942-E4121E005679}"/>
    <dgm:cxn modelId="{C1E189FC-4992-4B9F-A85F-1D8BCA724D34}" type="presOf" srcId="{27C767BE-20C1-4F0F-B40B-48CFF6B03C77}" destId="{139F9AE3-55C5-48CE-B88C-F07D2AFD6FD9}" srcOrd="0" destOrd="0" presId="urn:microsoft.com/office/officeart/2018/2/layout/IconLabelList"/>
    <dgm:cxn modelId="{FB7541CC-2CD6-41E8-B64C-5B4F6F99D7EA}" type="presParOf" srcId="{549B5B9C-C16F-4FE6-A486-7181D853C02C}" destId="{596DF6FB-95E7-4C96-ABE9-0D399BFD3D51}" srcOrd="0" destOrd="0" presId="urn:microsoft.com/office/officeart/2018/2/layout/IconLabelList"/>
    <dgm:cxn modelId="{DE78055C-5DF3-4CE5-BC86-1AB039786F02}" type="presParOf" srcId="{596DF6FB-95E7-4C96-ABE9-0D399BFD3D51}" destId="{88299136-B81F-4877-BCE5-E50270B81736}" srcOrd="0" destOrd="0" presId="urn:microsoft.com/office/officeart/2018/2/layout/IconLabelList"/>
    <dgm:cxn modelId="{E9486B88-A326-4C7D-A499-A05BFFB574E8}" type="presParOf" srcId="{596DF6FB-95E7-4C96-ABE9-0D399BFD3D51}" destId="{EA1EDBE0-56E0-48AA-9286-650E6EA40C98}" srcOrd="1" destOrd="0" presId="urn:microsoft.com/office/officeart/2018/2/layout/IconLabelList"/>
    <dgm:cxn modelId="{88971AAC-9FBD-472A-9C29-28B959A3DA6F}" type="presParOf" srcId="{596DF6FB-95E7-4C96-ABE9-0D399BFD3D51}" destId="{F98BE433-EAFE-4659-80A6-BF37F0AFE6AD}" srcOrd="2" destOrd="0" presId="urn:microsoft.com/office/officeart/2018/2/layout/IconLabelList"/>
    <dgm:cxn modelId="{36732CF2-57B1-40C1-901D-841C5BB0B97F}" type="presParOf" srcId="{549B5B9C-C16F-4FE6-A486-7181D853C02C}" destId="{FDC02625-7246-45B5-8CEC-544EA7E96E85}" srcOrd="1" destOrd="0" presId="urn:microsoft.com/office/officeart/2018/2/layout/IconLabelList"/>
    <dgm:cxn modelId="{5E3A9BD4-470F-49B1-B95F-1ECD42282F36}" type="presParOf" srcId="{549B5B9C-C16F-4FE6-A486-7181D853C02C}" destId="{65D61A77-A7AB-43EA-9810-920A6E85CBE4}" srcOrd="2" destOrd="0" presId="urn:microsoft.com/office/officeart/2018/2/layout/IconLabelList"/>
    <dgm:cxn modelId="{CB5398EA-377C-4F72-8DD2-A972C41F1C95}" type="presParOf" srcId="{65D61A77-A7AB-43EA-9810-920A6E85CBE4}" destId="{7C40316E-1DFC-4F89-8977-B1B9E35A7E4F}" srcOrd="0" destOrd="0" presId="urn:microsoft.com/office/officeart/2018/2/layout/IconLabelList"/>
    <dgm:cxn modelId="{DB16F183-4104-4451-9354-0A7C98C4ECB5}" type="presParOf" srcId="{65D61A77-A7AB-43EA-9810-920A6E85CBE4}" destId="{4B76412C-CBC6-4387-A837-C6DCECCA8439}" srcOrd="1" destOrd="0" presId="urn:microsoft.com/office/officeart/2018/2/layout/IconLabelList"/>
    <dgm:cxn modelId="{FCD62F05-AFF5-4E5E-9984-60289AA57FC3}" type="presParOf" srcId="{65D61A77-A7AB-43EA-9810-920A6E85CBE4}" destId="{8F5A3BA7-13D9-41BA-988D-68BB22D7714E}" srcOrd="2" destOrd="0" presId="urn:microsoft.com/office/officeart/2018/2/layout/IconLabelList"/>
    <dgm:cxn modelId="{8A3BD22F-7883-41EA-B3F8-0294F67E5701}" type="presParOf" srcId="{549B5B9C-C16F-4FE6-A486-7181D853C02C}" destId="{3B76101F-61C7-43A4-BBCA-A9CAD77F14CA}" srcOrd="3" destOrd="0" presId="urn:microsoft.com/office/officeart/2018/2/layout/IconLabelList"/>
    <dgm:cxn modelId="{E2A6A0B7-F4B6-46F9-A705-52D7988059A5}" type="presParOf" srcId="{549B5B9C-C16F-4FE6-A486-7181D853C02C}" destId="{B2CD4DF4-129D-4880-AFEB-663A85E0E59D}" srcOrd="4" destOrd="0" presId="urn:microsoft.com/office/officeart/2018/2/layout/IconLabelList"/>
    <dgm:cxn modelId="{7DE6FB4C-A259-4057-8F94-A70DEB9C3C1C}" type="presParOf" srcId="{B2CD4DF4-129D-4880-AFEB-663A85E0E59D}" destId="{80F5D892-3800-4B56-9C54-A0EA7A10B94A}" srcOrd="0" destOrd="0" presId="urn:microsoft.com/office/officeart/2018/2/layout/IconLabelList"/>
    <dgm:cxn modelId="{F26A285A-8C88-4A3E-BD8C-28DE2AF2C314}" type="presParOf" srcId="{B2CD4DF4-129D-4880-AFEB-663A85E0E59D}" destId="{2B78D405-D09E-4AEE-8E82-881715553AEC}" srcOrd="1" destOrd="0" presId="urn:microsoft.com/office/officeart/2018/2/layout/IconLabelList"/>
    <dgm:cxn modelId="{B832DA9C-74AB-4256-BB95-3AE95D58B01D}" type="presParOf" srcId="{B2CD4DF4-129D-4880-AFEB-663A85E0E59D}" destId="{139F9AE3-55C5-48CE-B88C-F07D2AFD6FD9}" srcOrd="2" destOrd="0" presId="urn:microsoft.com/office/officeart/2018/2/layout/IconLabelList"/>
    <dgm:cxn modelId="{5562CFEF-8BEB-490D-839F-92A0BA607C28}" type="presParOf" srcId="{549B5B9C-C16F-4FE6-A486-7181D853C02C}" destId="{62617329-76EB-44CE-8FF8-EB8A7C70F806}" srcOrd="5" destOrd="0" presId="urn:microsoft.com/office/officeart/2018/2/layout/IconLabelList"/>
    <dgm:cxn modelId="{F6381B2A-6A45-4286-9EF6-D8FA95B496B0}" type="presParOf" srcId="{549B5B9C-C16F-4FE6-A486-7181D853C02C}" destId="{D2DF7DD6-0F46-4D26-BB75-43E8A779E5E3}" srcOrd="6" destOrd="0" presId="urn:microsoft.com/office/officeart/2018/2/layout/IconLabelList"/>
    <dgm:cxn modelId="{C1733443-1A7E-4760-BBDF-B5F4EAA90F44}" type="presParOf" srcId="{D2DF7DD6-0F46-4D26-BB75-43E8A779E5E3}" destId="{3A78A701-6C05-4437-808B-1C5774695C33}" srcOrd="0" destOrd="0" presId="urn:microsoft.com/office/officeart/2018/2/layout/IconLabelList"/>
    <dgm:cxn modelId="{88239887-1EB0-45A9-AFAC-B53BFDFF743E}" type="presParOf" srcId="{D2DF7DD6-0F46-4D26-BB75-43E8A779E5E3}" destId="{BA374556-ED8D-43CA-B9C2-F1C815C6DCB7}" srcOrd="1" destOrd="0" presId="urn:microsoft.com/office/officeart/2018/2/layout/IconLabelList"/>
    <dgm:cxn modelId="{1FE44C87-7B2E-4159-BF5D-8DA7F572E7E7}" type="presParOf" srcId="{D2DF7DD6-0F46-4D26-BB75-43E8A779E5E3}" destId="{FA1F7C73-9E54-4E60-9C66-D47C7A1E1039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D65A7DAB-62EA-4E5F-A738-36A3ABDBBEBE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9D19FBD3-BF23-4818-B6AF-4EFB4E606162}">
      <dgm:prSet/>
      <dgm:spPr/>
      <dgm:t>
        <a:bodyPr/>
        <a:lstStyle/>
        <a:p>
          <a:r>
            <a:rPr lang="en-US"/>
            <a:t>True random number generator for generating certificates</a:t>
          </a:r>
        </a:p>
      </dgm:t>
    </dgm:pt>
    <dgm:pt modelId="{7A76F5E3-1424-4294-85BD-25611AB67B11}" type="parTrans" cxnId="{B06CAE31-834C-44F0-965E-53917AF725E4}">
      <dgm:prSet/>
      <dgm:spPr/>
      <dgm:t>
        <a:bodyPr/>
        <a:lstStyle/>
        <a:p>
          <a:endParaRPr lang="en-US"/>
        </a:p>
      </dgm:t>
    </dgm:pt>
    <dgm:pt modelId="{538F098E-F84E-48C6-8DED-8A806E8AE670}" type="sibTrans" cxnId="{B06CAE31-834C-44F0-965E-53917AF725E4}">
      <dgm:prSet/>
      <dgm:spPr/>
      <dgm:t>
        <a:bodyPr/>
        <a:lstStyle/>
        <a:p>
          <a:endParaRPr lang="en-US"/>
        </a:p>
      </dgm:t>
    </dgm:pt>
    <dgm:pt modelId="{EC889C35-D361-4BB7-90D3-BB01D37396A4}">
      <dgm:prSet/>
      <dgm:spPr/>
      <dgm:t>
        <a:bodyPr/>
        <a:lstStyle/>
        <a:p>
          <a:r>
            <a:rPr lang="en-US"/>
            <a:t>External HDMI video processor</a:t>
          </a:r>
        </a:p>
      </dgm:t>
    </dgm:pt>
    <dgm:pt modelId="{0B8E8B56-431A-446B-8DA6-ACD9DE3B613E}" type="parTrans" cxnId="{14ECFF8C-D9CE-48F2-9966-21B333B6AE13}">
      <dgm:prSet/>
      <dgm:spPr/>
      <dgm:t>
        <a:bodyPr/>
        <a:lstStyle/>
        <a:p>
          <a:endParaRPr lang="en-US"/>
        </a:p>
      </dgm:t>
    </dgm:pt>
    <dgm:pt modelId="{EA0E1C7F-D236-4D5D-8E67-BE6DE6517D85}" type="sibTrans" cxnId="{14ECFF8C-D9CE-48F2-9966-21B333B6AE13}">
      <dgm:prSet/>
      <dgm:spPr/>
      <dgm:t>
        <a:bodyPr/>
        <a:lstStyle/>
        <a:p>
          <a:endParaRPr lang="en-US"/>
        </a:p>
      </dgm:t>
    </dgm:pt>
    <dgm:pt modelId="{25C5AE00-7C1A-4196-9549-5C4D3144B3E5}" type="pres">
      <dgm:prSet presAssocID="{D65A7DAB-62EA-4E5F-A738-36A3ABDBBEBE}" presName="root" presStyleCnt="0">
        <dgm:presLayoutVars>
          <dgm:dir/>
          <dgm:resizeHandles val="exact"/>
        </dgm:presLayoutVars>
      </dgm:prSet>
      <dgm:spPr/>
    </dgm:pt>
    <dgm:pt modelId="{3BFF90A8-9159-4E2C-BE05-1248E9942F7A}" type="pres">
      <dgm:prSet presAssocID="{9D19FBD3-BF23-4818-B6AF-4EFB4E606162}" presName="compNode" presStyleCnt="0"/>
      <dgm:spPr/>
    </dgm:pt>
    <dgm:pt modelId="{163635A4-1C65-42AE-A939-CE44B5A3D73F}" type="pres">
      <dgm:prSet presAssocID="{9D19FBD3-BF23-4818-B6AF-4EFB4E606162}" presName="iconRect" presStyleLbl="node1" presStyleIdx="0" presStyleCnt="2"/>
      <dgm:spPr>
        <a:blipFill rotWithShape="1">
          <a:blip xmlns:r="http://schemas.openxmlformats.org/officeDocument/2006/relationships" r:embed="rId1">
            <a:duotone>
              <a:srgbClr val="5B9BD5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lose"/>
        </a:ext>
      </dgm:extLst>
    </dgm:pt>
    <dgm:pt modelId="{12AACC70-7774-4F00-B815-F8643904FBE2}" type="pres">
      <dgm:prSet presAssocID="{9D19FBD3-BF23-4818-B6AF-4EFB4E606162}" presName="spaceRect" presStyleCnt="0"/>
      <dgm:spPr/>
    </dgm:pt>
    <dgm:pt modelId="{2429A9F1-F211-4897-8AAC-B0D3CC7B64DD}" type="pres">
      <dgm:prSet presAssocID="{9D19FBD3-BF23-4818-B6AF-4EFB4E606162}" presName="textRect" presStyleLbl="revTx" presStyleIdx="0" presStyleCnt="2">
        <dgm:presLayoutVars>
          <dgm:chMax val="1"/>
          <dgm:chPref val="1"/>
        </dgm:presLayoutVars>
      </dgm:prSet>
      <dgm:spPr/>
    </dgm:pt>
    <dgm:pt modelId="{1A437147-F27B-4952-9AC5-FBB10F3E8FB5}" type="pres">
      <dgm:prSet presAssocID="{538F098E-F84E-48C6-8DED-8A806E8AE670}" presName="sibTrans" presStyleCnt="0"/>
      <dgm:spPr/>
    </dgm:pt>
    <dgm:pt modelId="{BA54390C-3A1E-4DB2-B986-625AA84A8CD9}" type="pres">
      <dgm:prSet presAssocID="{EC889C35-D361-4BB7-90D3-BB01D37396A4}" presName="compNode" presStyleCnt="0"/>
      <dgm:spPr/>
    </dgm:pt>
    <dgm:pt modelId="{86113E9E-332F-42F7-99BD-F5346E4BAC2E}" type="pres">
      <dgm:prSet presAssocID="{EC889C35-D361-4BB7-90D3-BB01D37396A4}" presName="iconRect" presStyleLbl="node1" presStyleIdx="1" presStyleCnt="2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Video camera"/>
        </a:ext>
      </dgm:extLst>
    </dgm:pt>
    <dgm:pt modelId="{37A9883C-43DE-45B3-8393-A6E011C9D8C4}" type="pres">
      <dgm:prSet presAssocID="{EC889C35-D361-4BB7-90D3-BB01D37396A4}" presName="spaceRect" presStyleCnt="0"/>
      <dgm:spPr/>
    </dgm:pt>
    <dgm:pt modelId="{CE266934-A44D-41B0-AE95-8CAE0B80CD46}" type="pres">
      <dgm:prSet presAssocID="{EC889C35-D361-4BB7-90D3-BB01D37396A4}" presName="textRect" presStyleLbl="revTx" presStyleIdx="1" presStyleCnt="2">
        <dgm:presLayoutVars>
          <dgm:chMax val="1"/>
          <dgm:chPref val="1"/>
        </dgm:presLayoutVars>
      </dgm:prSet>
      <dgm:spPr/>
    </dgm:pt>
  </dgm:ptLst>
  <dgm:cxnLst>
    <dgm:cxn modelId="{B06CAE31-834C-44F0-965E-53917AF725E4}" srcId="{D65A7DAB-62EA-4E5F-A738-36A3ABDBBEBE}" destId="{9D19FBD3-BF23-4818-B6AF-4EFB4E606162}" srcOrd="0" destOrd="0" parTransId="{7A76F5E3-1424-4294-85BD-25611AB67B11}" sibTransId="{538F098E-F84E-48C6-8DED-8A806E8AE670}"/>
    <dgm:cxn modelId="{D7F1C16D-4785-440C-8731-6B7AC1B78F89}" type="presOf" srcId="{9D19FBD3-BF23-4818-B6AF-4EFB4E606162}" destId="{2429A9F1-F211-4897-8AAC-B0D3CC7B64DD}" srcOrd="0" destOrd="0" presId="urn:microsoft.com/office/officeart/2018/2/layout/IconLabelList"/>
    <dgm:cxn modelId="{14ECFF8C-D9CE-48F2-9966-21B333B6AE13}" srcId="{D65A7DAB-62EA-4E5F-A738-36A3ABDBBEBE}" destId="{EC889C35-D361-4BB7-90D3-BB01D37396A4}" srcOrd="1" destOrd="0" parTransId="{0B8E8B56-431A-446B-8DA6-ACD9DE3B613E}" sibTransId="{EA0E1C7F-D236-4D5D-8E67-BE6DE6517D85}"/>
    <dgm:cxn modelId="{872DD9D9-65DD-4A02-BFE0-1D7E66151D0A}" type="presOf" srcId="{EC889C35-D361-4BB7-90D3-BB01D37396A4}" destId="{CE266934-A44D-41B0-AE95-8CAE0B80CD46}" srcOrd="0" destOrd="0" presId="urn:microsoft.com/office/officeart/2018/2/layout/IconLabelList"/>
    <dgm:cxn modelId="{92BFA6E4-074F-47C1-9C01-606F895CE4D6}" type="presOf" srcId="{D65A7DAB-62EA-4E5F-A738-36A3ABDBBEBE}" destId="{25C5AE00-7C1A-4196-9549-5C4D3144B3E5}" srcOrd="0" destOrd="0" presId="urn:microsoft.com/office/officeart/2018/2/layout/IconLabelList"/>
    <dgm:cxn modelId="{B1815367-8D9F-48A4-8833-DA77CC4E7FF0}" type="presParOf" srcId="{25C5AE00-7C1A-4196-9549-5C4D3144B3E5}" destId="{3BFF90A8-9159-4E2C-BE05-1248E9942F7A}" srcOrd="0" destOrd="0" presId="urn:microsoft.com/office/officeart/2018/2/layout/IconLabelList"/>
    <dgm:cxn modelId="{87C372C3-FE1F-4466-9022-9179B638E7B0}" type="presParOf" srcId="{3BFF90A8-9159-4E2C-BE05-1248E9942F7A}" destId="{163635A4-1C65-42AE-A939-CE44B5A3D73F}" srcOrd="0" destOrd="0" presId="urn:microsoft.com/office/officeart/2018/2/layout/IconLabelList"/>
    <dgm:cxn modelId="{4C74FB7D-C69B-4407-80CD-5350490B72A7}" type="presParOf" srcId="{3BFF90A8-9159-4E2C-BE05-1248E9942F7A}" destId="{12AACC70-7774-4F00-B815-F8643904FBE2}" srcOrd="1" destOrd="0" presId="urn:microsoft.com/office/officeart/2018/2/layout/IconLabelList"/>
    <dgm:cxn modelId="{7EE25E47-0E93-447B-83DD-A26198AB3BCF}" type="presParOf" srcId="{3BFF90A8-9159-4E2C-BE05-1248E9942F7A}" destId="{2429A9F1-F211-4897-8AAC-B0D3CC7B64DD}" srcOrd="2" destOrd="0" presId="urn:microsoft.com/office/officeart/2018/2/layout/IconLabelList"/>
    <dgm:cxn modelId="{3FA2DE00-E427-4E68-86C4-B66E6D1FE369}" type="presParOf" srcId="{25C5AE00-7C1A-4196-9549-5C4D3144B3E5}" destId="{1A437147-F27B-4952-9AC5-FBB10F3E8FB5}" srcOrd="1" destOrd="0" presId="urn:microsoft.com/office/officeart/2018/2/layout/IconLabelList"/>
    <dgm:cxn modelId="{71965974-7609-4771-9E23-9D94AAE4B638}" type="presParOf" srcId="{25C5AE00-7C1A-4196-9549-5C4D3144B3E5}" destId="{BA54390C-3A1E-4DB2-B986-625AA84A8CD9}" srcOrd="2" destOrd="0" presId="urn:microsoft.com/office/officeart/2018/2/layout/IconLabelList"/>
    <dgm:cxn modelId="{86B3E41D-B909-4CFF-8FE4-8DB801E06122}" type="presParOf" srcId="{BA54390C-3A1E-4DB2-B986-625AA84A8CD9}" destId="{86113E9E-332F-42F7-99BD-F5346E4BAC2E}" srcOrd="0" destOrd="0" presId="urn:microsoft.com/office/officeart/2018/2/layout/IconLabelList"/>
    <dgm:cxn modelId="{477555E6-7C31-489E-AAB7-39C6CEBB981D}" type="presParOf" srcId="{BA54390C-3A1E-4DB2-B986-625AA84A8CD9}" destId="{37A9883C-43DE-45B3-8393-A6E011C9D8C4}" srcOrd="1" destOrd="0" presId="urn:microsoft.com/office/officeart/2018/2/layout/IconLabelList"/>
    <dgm:cxn modelId="{75379CAB-9F79-4D61-A4A0-97197641BF99}" type="presParOf" srcId="{BA54390C-3A1E-4DB2-B986-625AA84A8CD9}" destId="{CE266934-A44D-41B0-AE95-8CAE0B80CD46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4146C6DD-AB46-4DFE-9765-0599CA2FD720}" type="doc">
      <dgm:prSet loTypeId="urn:microsoft.com/office/officeart/2018/5/layout/IconLeafLabelList" loCatId="icon" qsTypeId="urn:microsoft.com/office/officeart/2005/8/quickstyle/simple1" qsCatId="simple" csTypeId="urn:microsoft.com/office/officeart/2018/5/colors/Iconchunking_coloredtext_accent0_3" csCatId="mainScheme" phldr="1"/>
      <dgm:spPr/>
      <dgm:t>
        <a:bodyPr/>
        <a:lstStyle/>
        <a:p>
          <a:endParaRPr lang="en-US"/>
        </a:p>
      </dgm:t>
    </dgm:pt>
    <dgm:pt modelId="{51C73D6F-6337-4C7C-9D54-BF4C4ACBFA8A}">
      <dgm:prSet/>
      <dgm:spPr/>
      <dgm:t>
        <a:bodyPr/>
        <a:lstStyle/>
        <a:p>
          <a:pPr>
            <a:defRPr cap="all"/>
          </a:pPr>
          <a:r>
            <a:rPr lang="en-US"/>
            <a:t>Easily integrated with exposed API</a:t>
          </a:r>
        </a:p>
      </dgm:t>
    </dgm:pt>
    <dgm:pt modelId="{67526C19-2736-4CF5-8DA4-184938439DF2}" type="parTrans" cxnId="{69B18885-B825-49B6-BCA0-E5AA233418D1}">
      <dgm:prSet/>
      <dgm:spPr/>
      <dgm:t>
        <a:bodyPr/>
        <a:lstStyle/>
        <a:p>
          <a:endParaRPr lang="en-US"/>
        </a:p>
      </dgm:t>
    </dgm:pt>
    <dgm:pt modelId="{133F77D3-161A-40F7-8BCD-8BE16AA375C2}" type="sibTrans" cxnId="{69B18885-B825-49B6-BCA0-E5AA233418D1}">
      <dgm:prSet/>
      <dgm:spPr/>
      <dgm:t>
        <a:bodyPr/>
        <a:lstStyle/>
        <a:p>
          <a:endParaRPr lang="en-US"/>
        </a:p>
      </dgm:t>
    </dgm:pt>
    <dgm:pt modelId="{48D7AAD4-7AD7-4783-96A8-B0CCEB56D1B7}">
      <dgm:prSet/>
      <dgm:spPr/>
      <dgm:t>
        <a:bodyPr/>
        <a:lstStyle/>
        <a:p>
          <a:pPr>
            <a:defRPr cap="all"/>
          </a:pPr>
          <a:r>
            <a:rPr lang="en-US"/>
            <a:t>Chat App integrated</a:t>
          </a:r>
        </a:p>
      </dgm:t>
    </dgm:pt>
    <dgm:pt modelId="{2CCBB534-E1A5-46AC-AC1C-369C87E20846}" type="parTrans" cxnId="{4DB6B1AB-A4F9-4ADB-9838-98E042A83E75}">
      <dgm:prSet/>
      <dgm:spPr/>
      <dgm:t>
        <a:bodyPr/>
        <a:lstStyle/>
        <a:p>
          <a:endParaRPr lang="en-US"/>
        </a:p>
      </dgm:t>
    </dgm:pt>
    <dgm:pt modelId="{3DACD5F4-1664-49D0-A722-236D17A4E25F}" type="sibTrans" cxnId="{4DB6B1AB-A4F9-4ADB-9838-98E042A83E75}">
      <dgm:prSet/>
      <dgm:spPr/>
      <dgm:t>
        <a:bodyPr/>
        <a:lstStyle/>
        <a:p>
          <a:endParaRPr lang="en-US"/>
        </a:p>
      </dgm:t>
    </dgm:pt>
    <dgm:pt modelId="{5FF145F2-186B-4911-ADB6-7DD2BF081641}">
      <dgm:prSet/>
      <dgm:spPr/>
      <dgm:t>
        <a:bodyPr/>
        <a:lstStyle/>
        <a:p>
          <a:pPr>
            <a:defRPr cap="all"/>
          </a:pPr>
          <a:r>
            <a:rPr lang="en-US"/>
            <a:t>Real time operating system</a:t>
          </a:r>
        </a:p>
      </dgm:t>
    </dgm:pt>
    <dgm:pt modelId="{1D3C8E1F-BE8F-4611-BBC6-7049212EEF7E}" type="parTrans" cxnId="{CF0933B8-55A9-43F5-B6E9-E4294B9FEF7A}">
      <dgm:prSet/>
      <dgm:spPr/>
      <dgm:t>
        <a:bodyPr/>
        <a:lstStyle/>
        <a:p>
          <a:endParaRPr lang="en-US"/>
        </a:p>
      </dgm:t>
    </dgm:pt>
    <dgm:pt modelId="{E4479647-D7C0-4A8C-9AD5-D47383A41182}" type="sibTrans" cxnId="{CF0933B8-55A9-43F5-B6E9-E4294B9FEF7A}">
      <dgm:prSet/>
      <dgm:spPr/>
      <dgm:t>
        <a:bodyPr/>
        <a:lstStyle/>
        <a:p>
          <a:endParaRPr lang="en-US"/>
        </a:p>
      </dgm:t>
    </dgm:pt>
    <dgm:pt modelId="{A1CED403-0A62-4EFC-9C99-61272B560DF0}">
      <dgm:prSet/>
      <dgm:spPr/>
      <dgm:t>
        <a:bodyPr/>
        <a:lstStyle/>
        <a:p>
          <a:pPr>
            <a:defRPr cap="all"/>
          </a:pPr>
          <a:r>
            <a:rPr lang="en-US"/>
            <a:t>Drivers for Linux Kernel developed</a:t>
          </a:r>
        </a:p>
      </dgm:t>
    </dgm:pt>
    <dgm:pt modelId="{42EE7DB2-2509-41A8-8822-5942DC8A2C95}" type="parTrans" cxnId="{E6779003-5F41-4AF4-899E-4E9924858889}">
      <dgm:prSet/>
      <dgm:spPr/>
      <dgm:t>
        <a:bodyPr/>
        <a:lstStyle/>
        <a:p>
          <a:endParaRPr lang="en-US"/>
        </a:p>
      </dgm:t>
    </dgm:pt>
    <dgm:pt modelId="{0F357EC2-2132-441D-A1E2-375BDB67916B}" type="sibTrans" cxnId="{E6779003-5F41-4AF4-899E-4E9924858889}">
      <dgm:prSet/>
      <dgm:spPr/>
      <dgm:t>
        <a:bodyPr/>
        <a:lstStyle/>
        <a:p>
          <a:endParaRPr lang="en-US"/>
        </a:p>
      </dgm:t>
    </dgm:pt>
    <dgm:pt modelId="{AF634FC1-0346-42DB-A4CB-027D00BF91D0}" type="pres">
      <dgm:prSet presAssocID="{4146C6DD-AB46-4DFE-9765-0599CA2FD720}" presName="root" presStyleCnt="0">
        <dgm:presLayoutVars>
          <dgm:dir/>
          <dgm:resizeHandles val="exact"/>
        </dgm:presLayoutVars>
      </dgm:prSet>
      <dgm:spPr/>
    </dgm:pt>
    <dgm:pt modelId="{B4F89421-2503-4C4B-80FC-8FD8FFCC934C}" type="pres">
      <dgm:prSet presAssocID="{51C73D6F-6337-4C7C-9D54-BF4C4ACBFA8A}" presName="compNode" presStyleCnt="0"/>
      <dgm:spPr/>
    </dgm:pt>
    <dgm:pt modelId="{63E9C76F-ABD3-4E7A-953B-46508CA8EA97}" type="pres">
      <dgm:prSet presAssocID="{51C73D6F-6337-4C7C-9D54-BF4C4ACBFA8A}" presName="iconBgRect" presStyleLbl="bgShp" presStyleIdx="0" presStyleCnt="4"/>
      <dgm:spPr>
        <a:prstGeom prst="round2DiagRect">
          <a:avLst>
            <a:gd name="adj1" fmla="val 29727"/>
            <a:gd name="adj2" fmla="val 0"/>
          </a:avLst>
        </a:prstGeom>
      </dgm:spPr>
    </dgm:pt>
    <dgm:pt modelId="{BEC856EC-D340-4418-943D-10EA6FFC2486}" type="pres">
      <dgm:prSet presAssocID="{51C73D6F-6337-4C7C-9D54-BF4C4ACBFA8A}" presName="iconRect" presStyleLbl="node1" presStyleIdx="0" presStyleCnt="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Database"/>
        </a:ext>
      </dgm:extLst>
    </dgm:pt>
    <dgm:pt modelId="{37607E58-FF15-46BB-84B8-5CE816D6D7ED}" type="pres">
      <dgm:prSet presAssocID="{51C73D6F-6337-4C7C-9D54-BF4C4ACBFA8A}" presName="spaceRect" presStyleCnt="0"/>
      <dgm:spPr/>
    </dgm:pt>
    <dgm:pt modelId="{C4347FC0-1166-4ADA-ABB0-D48478B27DC6}" type="pres">
      <dgm:prSet presAssocID="{51C73D6F-6337-4C7C-9D54-BF4C4ACBFA8A}" presName="textRect" presStyleLbl="revTx" presStyleIdx="0" presStyleCnt="4">
        <dgm:presLayoutVars>
          <dgm:chMax val="1"/>
          <dgm:chPref val="1"/>
        </dgm:presLayoutVars>
      </dgm:prSet>
      <dgm:spPr/>
    </dgm:pt>
    <dgm:pt modelId="{95B80D39-3445-435F-838A-06591D30C65F}" type="pres">
      <dgm:prSet presAssocID="{133F77D3-161A-40F7-8BCD-8BE16AA375C2}" presName="sibTrans" presStyleCnt="0"/>
      <dgm:spPr/>
    </dgm:pt>
    <dgm:pt modelId="{A693E514-B027-45C4-A585-7A9DFDE783E4}" type="pres">
      <dgm:prSet presAssocID="{48D7AAD4-7AD7-4783-96A8-B0CCEB56D1B7}" presName="compNode" presStyleCnt="0"/>
      <dgm:spPr/>
    </dgm:pt>
    <dgm:pt modelId="{4C0825BE-DFA5-415C-9F11-C1BADBD11028}" type="pres">
      <dgm:prSet presAssocID="{48D7AAD4-7AD7-4783-96A8-B0CCEB56D1B7}" presName="iconBgRect" presStyleLbl="bgShp" presStyleIdx="1" presStyleCnt="4"/>
      <dgm:spPr>
        <a:prstGeom prst="round2DiagRect">
          <a:avLst>
            <a:gd name="adj1" fmla="val 29727"/>
            <a:gd name="adj2" fmla="val 0"/>
          </a:avLst>
        </a:prstGeom>
      </dgm:spPr>
    </dgm:pt>
    <dgm:pt modelId="{C38136FB-38F3-41F3-9820-657A683D2CA1}" type="pres">
      <dgm:prSet presAssocID="{48D7AAD4-7AD7-4783-96A8-B0CCEB56D1B7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mart Phone"/>
        </a:ext>
      </dgm:extLst>
    </dgm:pt>
    <dgm:pt modelId="{D06759EB-8D68-4182-9BBF-DB0CFC875879}" type="pres">
      <dgm:prSet presAssocID="{48D7AAD4-7AD7-4783-96A8-B0CCEB56D1B7}" presName="spaceRect" presStyleCnt="0"/>
      <dgm:spPr/>
    </dgm:pt>
    <dgm:pt modelId="{34621C4B-72F1-4D80-AC39-0FF669065ECC}" type="pres">
      <dgm:prSet presAssocID="{48D7AAD4-7AD7-4783-96A8-B0CCEB56D1B7}" presName="textRect" presStyleLbl="revTx" presStyleIdx="1" presStyleCnt="4">
        <dgm:presLayoutVars>
          <dgm:chMax val="1"/>
          <dgm:chPref val="1"/>
        </dgm:presLayoutVars>
      </dgm:prSet>
      <dgm:spPr/>
    </dgm:pt>
    <dgm:pt modelId="{7EB84DF3-6909-4A9A-9440-CE3598B06DEC}" type="pres">
      <dgm:prSet presAssocID="{3DACD5F4-1664-49D0-A722-236D17A4E25F}" presName="sibTrans" presStyleCnt="0"/>
      <dgm:spPr/>
    </dgm:pt>
    <dgm:pt modelId="{F2FE0860-BB7E-4075-986E-771E303843F9}" type="pres">
      <dgm:prSet presAssocID="{5FF145F2-186B-4911-ADB6-7DD2BF081641}" presName="compNode" presStyleCnt="0"/>
      <dgm:spPr/>
    </dgm:pt>
    <dgm:pt modelId="{E210BE36-FE14-464D-B5BC-B5D02128AE6A}" type="pres">
      <dgm:prSet presAssocID="{5FF145F2-186B-4911-ADB6-7DD2BF081641}" presName="iconBgRect" presStyleLbl="bgShp" presStyleIdx="2" presStyleCnt="4"/>
      <dgm:spPr>
        <a:prstGeom prst="round2DiagRect">
          <a:avLst>
            <a:gd name="adj1" fmla="val 29727"/>
            <a:gd name="adj2" fmla="val 0"/>
          </a:avLst>
        </a:prstGeom>
      </dgm:spPr>
    </dgm:pt>
    <dgm:pt modelId="{A57AF6F3-14BE-4D08-BFB3-8CD8D963C760}" type="pres">
      <dgm:prSet presAssocID="{5FF145F2-186B-4911-ADB6-7DD2BF081641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AACB5788-9C00-4C1B-ACE4-DE58339C8F24}" type="pres">
      <dgm:prSet presAssocID="{5FF145F2-186B-4911-ADB6-7DD2BF081641}" presName="spaceRect" presStyleCnt="0"/>
      <dgm:spPr/>
    </dgm:pt>
    <dgm:pt modelId="{17DE16F9-753D-4FDF-BD07-2A8B24361104}" type="pres">
      <dgm:prSet presAssocID="{5FF145F2-186B-4911-ADB6-7DD2BF081641}" presName="textRect" presStyleLbl="revTx" presStyleIdx="2" presStyleCnt="4">
        <dgm:presLayoutVars>
          <dgm:chMax val="1"/>
          <dgm:chPref val="1"/>
        </dgm:presLayoutVars>
      </dgm:prSet>
      <dgm:spPr/>
    </dgm:pt>
    <dgm:pt modelId="{04A31FF6-0309-4C4A-9BFE-5AE0F2B99B4E}" type="pres">
      <dgm:prSet presAssocID="{E4479647-D7C0-4A8C-9AD5-D47383A41182}" presName="sibTrans" presStyleCnt="0"/>
      <dgm:spPr/>
    </dgm:pt>
    <dgm:pt modelId="{6C9BFF23-704C-4FFD-86DB-B22ECB3F5E60}" type="pres">
      <dgm:prSet presAssocID="{A1CED403-0A62-4EFC-9C99-61272B560DF0}" presName="compNode" presStyleCnt="0"/>
      <dgm:spPr/>
    </dgm:pt>
    <dgm:pt modelId="{E80C0A44-3E12-4C02-8551-6D59739C6E04}" type="pres">
      <dgm:prSet presAssocID="{A1CED403-0A62-4EFC-9C99-61272B560DF0}" presName="iconBgRect" presStyleLbl="bgShp" presStyleIdx="3" presStyleCnt="4"/>
      <dgm:spPr>
        <a:prstGeom prst="round2DiagRect">
          <a:avLst>
            <a:gd name="adj1" fmla="val 29727"/>
            <a:gd name="adj2" fmla="val 0"/>
          </a:avLst>
        </a:prstGeom>
      </dgm:spPr>
    </dgm:pt>
    <dgm:pt modelId="{FD004D60-1D93-41BF-8A35-4900E4A340A1}" type="pres">
      <dgm:prSet presAssocID="{A1CED403-0A62-4EFC-9C99-61272B560DF0}" presName="iconRect" presStyleLbl="node1" presStyleIdx="3" presStyleCnt="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3F6FD96F-6B95-451C-AA6C-447DB29D06FA}" type="pres">
      <dgm:prSet presAssocID="{A1CED403-0A62-4EFC-9C99-61272B560DF0}" presName="spaceRect" presStyleCnt="0"/>
      <dgm:spPr/>
    </dgm:pt>
    <dgm:pt modelId="{08C9B569-E11D-4606-8EF4-B678660DA6BD}" type="pres">
      <dgm:prSet presAssocID="{A1CED403-0A62-4EFC-9C99-61272B560DF0}" presName="textRect" presStyleLbl="revTx" presStyleIdx="3" presStyleCnt="4">
        <dgm:presLayoutVars>
          <dgm:chMax val="1"/>
          <dgm:chPref val="1"/>
        </dgm:presLayoutVars>
      </dgm:prSet>
      <dgm:spPr/>
    </dgm:pt>
  </dgm:ptLst>
  <dgm:cxnLst>
    <dgm:cxn modelId="{E6779003-5F41-4AF4-899E-4E9924858889}" srcId="{4146C6DD-AB46-4DFE-9765-0599CA2FD720}" destId="{A1CED403-0A62-4EFC-9C99-61272B560DF0}" srcOrd="3" destOrd="0" parTransId="{42EE7DB2-2509-41A8-8822-5942DC8A2C95}" sibTransId="{0F357EC2-2132-441D-A1E2-375BDB67916B}"/>
    <dgm:cxn modelId="{1A5BA108-036A-486F-AE1B-051D0CB06704}" type="presOf" srcId="{5FF145F2-186B-4911-ADB6-7DD2BF081641}" destId="{17DE16F9-753D-4FDF-BD07-2A8B24361104}" srcOrd="0" destOrd="0" presId="urn:microsoft.com/office/officeart/2018/5/layout/IconLeafLabelList"/>
    <dgm:cxn modelId="{215AE41D-D464-4B8E-B10F-F4EBFEFA0274}" type="presOf" srcId="{51C73D6F-6337-4C7C-9D54-BF4C4ACBFA8A}" destId="{C4347FC0-1166-4ADA-ABB0-D48478B27DC6}" srcOrd="0" destOrd="0" presId="urn:microsoft.com/office/officeart/2018/5/layout/IconLeafLabelList"/>
    <dgm:cxn modelId="{69B18885-B825-49B6-BCA0-E5AA233418D1}" srcId="{4146C6DD-AB46-4DFE-9765-0599CA2FD720}" destId="{51C73D6F-6337-4C7C-9D54-BF4C4ACBFA8A}" srcOrd="0" destOrd="0" parTransId="{67526C19-2736-4CF5-8DA4-184938439DF2}" sibTransId="{133F77D3-161A-40F7-8BCD-8BE16AA375C2}"/>
    <dgm:cxn modelId="{90EB529C-0258-46BA-9B63-58876AE35738}" type="presOf" srcId="{48D7AAD4-7AD7-4783-96A8-B0CCEB56D1B7}" destId="{34621C4B-72F1-4D80-AC39-0FF669065ECC}" srcOrd="0" destOrd="0" presId="urn:microsoft.com/office/officeart/2018/5/layout/IconLeafLabelList"/>
    <dgm:cxn modelId="{4DB6B1AB-A4F9-4ADB-9838-98E042A83E75}" srcId="{4146C6DD-AB46-4DFE-9765-0599CA2FD720}" destId="{48D7AAD4-7AD7-4783-96A8-B0CCEB56D1B7}" srcOrd="1" destOrd="0" parTransId="{2CCBB534-E1A5-46AC-AC1C-369C87E20846}" sibTransId="{3DACD5F4-1664-49D0-A722-236D17A4E25F}"/>
    <dgm:cxn modelId="{CF0933B8-55A9-43F5-B6E9-E4294B9FEF7A}" srcId="{4146C6DD-AB46-4DFE-9765-0599CA2FD720}" destId="{5FF145F2-186B-4911-ADB6-7DD2BF081641}" srcOrd="2" destOrd="0" parTransId="{1D3C8E1F-BE8F-4611-BBC6-7049212EEF7E}" sibTransId="{E4479647-D7C0-4A8C-9AD5-D47383A41182}"/>
    <dgm:cxn modelId="{70F823C8-98D6-4084-8476-1CE280A2CE4A}" type="presOf" srcId="{A1CED403-0A62-4EFC-9C99-61272B560DF0}" destId="{08C9B569-E11D-4606-8EF4-B678660DA6BD}" srcOrd="0" destOrd="0" presId="urn:microsoft.com/office/officeart/2018/5/layout/IconLeafLabelList"/>
    <dgm:cxn modelId="{29CD06D1-316F-4DAF-98A4-57917742C637}" type="presOf" srcId="{4146C6DD-AB46-4DFE-9765-0599CA2FD720}" destId="{AF634FC1-0346-42DB-A4CB-027D00BF91D0}" srcOrd="0" destOrd="0" presId="urn:microsoft.com/office/officeart/2018/5/layout/IconLeafLabelList"/>
    <dgm:cxn modelId="{1E028C29-31FE-4A16-89C5-5D1E507EBE8A}" type="presParOf" srcId="{AF634FC1-0346-42DB-A4CB-027D00BF91D0}" destId="{B4F89421-2503-4C4B-80FC-8FD8FFCC934C}" srcOrd="0" destOrd="0" presId="urn:microsoft.com/office/officeart/2018/5/layout/IconLeafLabelList"/>
    <dgm:cxn modelId="{518B9499-E5C3-4909-9A4B-755F3AC0C74D}" type="presParOf" srcId="{B4F89421-2503-4C4B-80FC-8FD8FFCC934C}" destId="{63E9C76F-ABD3-4E7A-953B-46508CA8EA97}" srcOrd="0" destOrd="0" presId="urn:microsoft.com/office/officeart/2018/5/layout/IconLeafLabelList"/>
    <dgm:cxn modelId="{321AEC68-E5C6-4C01-9916-564E8A21F582}" type="presParOf" srcId="{B4F89421-2503-4C4B-80FC-8FD8FFCC934C}" destId="{BEC856EC-D340-4418-943D-10EA6FFC2486}" srcOrd="1" destOrd="0" presId="urn:microsoft.com/office/officeart/2018/5/layout/IconLeafLabelList"/>
    <dgm:cxn modelId="{A9C9DB87-8BC1-41A5-A9D0-A02470E6F572}" type="presParOf" srcId="{B4F89421-2503-4C4B-80FC-8FD8FFCC934C}" destId="{37607E58-FF15-46BB-84B8-5CE816D6D7ED}" srcOrd="2" destOrd="0" presId="urn:microsoft.com/office/officeart/2018/5/layout/IconLeafLabelList"/>
    <dgm:cxn modelId="{333948FC-B32F-4BF5-B5CD-2792C02AC945}" type="presParOf" srcId="{B4F89421-2503-4C4B-80FC-8FD8FFCC934C}" destId="{C4347FC0-1166-4ADA-ABB0-D48478B27DC6}" srcOrd="3" destOrd="0" presId="urn:microsoft.com/office/officeart/2018/5/layout/IconLeafLabelList"/>
    <dgm:cxn modelId="{F730DE2F-42AC-4AFE-91A7-289521B41A9A}" type="presParOf" srcId="{AF634FC1-0346-42DB-A4CB-027D00BF91D0}" destId="{95B80D39-3445-435F-838A-06591D30C65F}" srcOrd="1" destOrd="0" presId="urn:microsoft.com/office/officeart/2018/5/layout/IconLeafLabelList"/>
    <dgm:cxn modelId="{1C55CD17-0A0D-4323-B331-9FAF3790FE0B}" type="presParOf" srcId="{AF634FC1-0346-42DB-A4CB-027D00BF91D0}" destId="{A693E514-B027-45C4-A585-7A9DFDE783E4}" srcOrd="2" destOrd="0" presId="urn:microsoft.com/office/officeart/2018/5/layout/IconLeafLabelList"/>
    <dgm:cxn modelId="{CC9C5BA7-765B-4774-A0C5-D00AE3AA5DA4}" type="presParOf" srcId="{A693E514-B027-45C4-A585-7A9DFDE783E4}" destId="{4C0825BE-DFA5-415C-9F11-C1BADBD11028}" srcOrd="0" destOrd="0" presId="urn:microsoft.com/office/officeart/2018/5/layout/IconLeafLabelList"/>
    <dgm:cxn modelId="{EAF42230-F682-4700-987A-AA15883C0749}" type="presParOf" srcId="{A693E514-B027-45C4-A585-7A9DFDE783E4}" destId="{C38136FB-38F3-41F3-9820-657A683D2CA1}" srcOrd="1" destOrd="0" presId="urn:microsoft.com/office/officeart/2018/5/layout/IconLeafLabelList"/>
    <dgm:cxn modelId="{5F684CB4-BF99-4059-8EFC-BA2F0D479F0E}" type="presParOf" srcId="{A693E514-B027-45C4-A585-7A9DFDE783E4}" destId="{D06759EB-8D68-4182-9BBF-DB0CFC875879}" srcOrd="2" destOrd="0" presId="urn:microsoft.com/office/officeart/2018/5/layout/IconLeafLabelList"/>
    <dgm:cxn modelId="{5CB981FA-66AA-4E53-83D8-5BE554953396}" type="presParOf" srcId="{A693E514-B027-45C4-A585-7A9DFDE783E4}" destId="{34621C4B-72F1-4D80-AC39-0FF669065ECC}" srcOrd="3" destOrd="0" presId="urn:microsoft.com/office/officeart/2018/5/layout/IconLeafLabelList"/>
    <dgm:cxn modelId="{CA320B05-689E-4B98-814D-EF9F918293D0}" type="presParOf" srcId="{AF634FC1-0346-42DB-A4CB-027D00BF91D0}" destId="{7EB84DF3-6909-4A9A-9440-CE3598B06DEC}" srcOrd="3" destOrd="0" presId="urn:microsoft.com/office/officeart/2018/5/layout/IconLeafLabelList"/>
    <dgm:cxn modelId="{D767FAEC-431E-442D-9C81-B46FABF23CC6}" type="presParOf" srcId="{AF634FC1-0346-42DB-A4CB-027D00BF91D0}" destId="{F2FE0860-BB7E-4075-986E-771E303843F9}" srcOrd="4" destOrd="0" presId="urn:microsoft.com/office/officeart/2018/5/layout/IconLeafLabelList"/>
    <dgm:cxn modelId="{D47FBD79-1B11-4412-A169-E497436FB2A0}" type="presParOf" srcId="{F2FE0860-BB7E-4075-986E-771E303843F9}" destId="{E210BE36-FE14-464D-B5BC-B5D02128AE6A}" srcOrd="0" destOrd="0" presId="urn:microsoft.com/office/officeart/2018/5/layout/IconLeafLabelList"/>
    <dgm:cxn modelId="{27DE0A90-0B00-48A9-9EAE-D85C2F1A63A0}" type="presParOf" srcId="{F2FE0860-BB7E-4075-986E-771E303843F9}" destId="{A57AF6F3-14BE-4D08-BFB3-8CD8D963C760}" srcOrd="1" destOrd="0" presId="urn:microsoft.com/office/officeart/2018/5/layout/IconLeafLabelList"/>
    <dgm:cxn modelId="{A5B95B58-8536-4F81-A7DD-71391761886D}" type="presParOf" srcId="{F2FE0860-BB7E-4075-986E-771E303843F9}" destId="{AACB5788-9C00-4C1B-ACE4-DE58339C8F24}" srcOrd="2" destOrd="0" presId="urn:microsoft.com/office/officeart/2018/5/layout/IconLeafLabelList"/>
    <dgm:cxn modelId="{38BA6BBE-EDD1-4423-BD59-260B21B42579}" type="presParOf" srcId="{F2FE0860-BB7E-4075-986E-771E303843F9}" destId="{17DE16F9-753D-4FDF-BD07-2A8B24361104}" srcOrd="3" destOrd="0" presId="urn:microsoft.com/office/officeart/2018/5/layout/IconLeafLabelList"/>
    <dgm:cxn modelId="{5E42B433-F124-47A4-B7E1-05B812D477BF}" type="presParOf" srcId="{AF634FC1-0346-42DB-A4CB-027D00BF91D0}" destId="{04A31FF6-0309-4C4A-9BFE-5AE0F2B99B4E}" srcOrd="5" destOrd="0" presId="urn:microsoft.com/office/officeart/2018/5/layout/IconLeafLabelList"/>
    <dgm:cxn modelId="{1E1A1DD2-DE35-4F71-81C3-52F47960C595}" type="presParOf" srcId="{AF634FC1-0346-42DB-A4CB-027D00BF91D0}" destId="{6C9BFF23-704C-4FFD-86DB-B22ECB3F5E60}" srcOrd="6" destOrd="0" presId="urn:microsoft.com/office/officeart/2018/5/layout/IconLeafLabelList"/>
    <dgm:cxn modelId="{BCBE6DAB-6AA1-45DD-A73F-374A84BF4A03}" type="presParOf" srcId="{6C9BFF23-704C-4FFD-86DB-B22ECB3F5E60}" destId="{E80C0A44-3E12-4C02-8551-6D59739C6E04}" srcOrd="0" destOrd="0" presId="urn:microsoft.com/office/officeart/2018/5/layout/IconLeafLabelList"/>
    <dgm:cxn modelId="{EE978A1E-9C2F-4804-AAE3-836A0C2AFE38}" type="presParOf" srcId="{6C9BFF23-704C-4FFD-86DB-B22ECB3F5E60}" destId="{FD004D60-1D93-41BF-8A35-4900E4A340A1}" srcOrd="1" destOrd="0" presId="urn:microsoft.com/office/officeart/2018/5/layout/IconLeafLabelList"/>
    <dgm:cxn modelId="{E238B4EA-0A2E-473E-8592-4B36C398A421}" type="presParOf" srcId="{6C9BFF23-704C-4FFD-86DB-B22ECB3F5E60}" destId="{3F6FD96F-6B95-451C-AA6C-447DB29D06FA}" srcOrd="2" destOrd="0" presId="urn:microsoft.com/office/officeart/2018/5/layout/IconLeafLabelList"/>
    <dgm:cxn modelId="{75E75113-4D69-4DD1-8280-5D974E3A3057}" type="presParOf" srcId="{6C9BFF23-704C-4FFD-86DB-B22ECB3F5E60}" destId="{08C9B569-E11D-4606-8EF4-B678660DA6BD}" srcOrd="3" destOrd="0" presId="urn:microsoft.com/office/officeart/2018/5/layout/IconLeaf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AB5149F4-EDF0-4044-8BAE-4BFCDC0E9A7F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7003DB90-6A51-49F5-9EA6-8A96BFCE4D1A}">
      <dgm:prSet/>
      <dgm:spPr/>
      <dgm:t>
        <a:bodyPr/>
        <a:lstStyle/>
        <a:p>
          <a:r>
            <a:rPr lang="en-GB"/>
            <a:t>Parallelization more the encryption and decryption to get better performances</a:t>
          </a:r>
          <a:endParaRPr lang="en-US"/>
        </a:p>
      </dgm:t>
    </dgm:pt>
    <dgm:pt modelId="{FD58DF11-B601-421C-8B8F-7DDB88576715}" type="parTrans" cxnId="{95DA65DD-6B85-491A-A886-766C1C2BB8F3}">
      <dgm:prSet/>
      <dgm:spPr/>
      <dgm:t>
        <a:bodyPr/>
        <a:lstStyle/>
        <a:p>
          <a:endParaRPr lang="en-US"/>
        </a:p>
      </dgm:t>
    </dgm:pt>
    <dgm:pt modelId="{A250D115-7FB2-4B38-A85C-085226EC8261}" type="sibTrans" cxnId="{95DA65DD-6B85-491A-A886-766C1C2BB8F3}">
      <dgm:prSet/>
      <dgm:spPr/>
      <dgm:t>
        <a:bodyPr/>
        <a:lstStyle/>
        <a:p>
          <a:endParaRPr lang="en-US"/>
        </a:p>
      </dgm:t>
    </dgm:pt>
    <dgm:pt modelId="{38FE0DDB-A1D4-4723-90B8-3A679C2BCF1C}">
      <dgm:prSet/>
      <dgm:spPr/>
      <dgm:t>
        <a:bodyPr/>
        <a:lstStyle/>
        <a:p>
          <a:r>
            <a:rPr lang="en-GB"/>
            <a:t>Optimize architecture </a:t>
          </a:r>
          <a:endParaRPr lang="en-US"/>
        </a:p>
      </dgm:t>
    </dgm:pt>
    <dgm:pt modelId="{C7AD8159-2E78-49A0-9FF7-FEC432AF7F7E}" type="parTrans" cxnId="{CBB7D605-0E65-40ED-8DD7-3E32D7B51D57}">
      <dgm:prSet/>
      <dgm:spPr/>
      <dgm:t>
        <a:bodyPr/>
        <a:lstStyle/>
        <a:p>
          <a:endParaRPr lang="en-US"/>
        </a:p>
      </dgm:t>
    </dgm:pt>
    <dgm:pt modelId="{EC999E7D-F690-4129-B847-9FB24560B3E3}" type="sibTrans" cxnId="{CBB7D605-0E65-40ED-8DD7-3E32D7B51D57}">
      <dgm:prSet/>
      <dgm:spPr/>
      <dgm:t>
        <a:bodyPr/>
        <a:lstStyle/>
        <a:p>
          <a:endParaRPr lang="en-US"/>
        </a:p>
      </dgm:t>
    </dgm:pt>
    <dgm:pt modelId="{52967387-FEAC-4D4C-A8C9-9DE034F15874}">
      <dgm:prSet/>
      <dgm:spPr/>
      <dgm:t>
        <a:bodyPr/>
        <a:lstStyle/>
        <a:p>
          <a:r>
            <a:rPr lang="en-GB"/>
            <a:t>Accelerate multiple video algorithms </a:t>
          </a:r>
          <a:endParaRPr lang="en-US"/>
        </a:p>
      </dgm:t>
    </dgm:pt>
    <dgm:pt modelId="{12AFCEBD-D1CC-4018-82B0-DF981470AB6B}" type="parTrans" cxnId="{CDD1A862-878E-4036-B2FC-A701C4F229ED}">
      <dgm:prSet/>
      <dgm:spPr/>
      <dgm:t>
        <a:bodyPr/>
        <a:lstStyle/>
        <a:p>
          <a:endParaRPr lang="en-US"/>
        </a:p>
      </dgm:t>
    </dgm:pt>
    <dgm:pt modelId="{F91039D3-992A-416D-A813-F9998B5F066D}" type="sibTrans" cxnId="{CDD1A862-878E-4036-B2FC-A701C4F229ED}">
      <dgm:prSet/>
      <dgm:spPr/>
      <dgm:t>
        <a:bodyPr/>
        <a:lstStyle/>
        <a:p>
          <a:endParaRPr lang="en-US"/>
        </a:p>
      </dgm:t>
    </dgm:pt>
    <dgm:pt modelId="{B85156D1-1195-4B7A-8177-CA6C3351E44D}" type="pres">
      <dgm:prSet presAssocID="{AB5149F4-EDF0-4044-8BAE-4BFCDC0E9A7F}" presName="diagram" presStyleCnt="0">
        <dgm:presLayoutVars>
          <dgm:dir/>
          <dgm:resizeHandles val="exact"/>
        </dgm:presLayoutVars>
      </dgm:prSet>
      <dgm:spPr/>
    </dgm:pt>
    <dgm:pt modelId="{D4FCECF9-77D4-4788-AFC5-1E32C359BEA6}" type="pres">
      <dgm:prSet presAssocID="{7003DB90-6A51-49F5-9EA6-8A96BFCE4D1A}" presName="node" presStyleLbl="node1" presStyleIdx="0" presStyleCnt="3">
        <dgm:presLayoutVars>
          <dgm:bulletEnabled val="1"/>
        </dgm:presLayoutVars>
      </dgm:prSet>
      <dgm:spPr/>
    </dgm:pt>
    <dgm:pt modelId="{8BC99F79-3FCA-445A-BAB4-3834736E7077}" type="pres">
      <dgm:prSet presAssocID="{A250D115-7FB2-4B38-A85C-085226EC8261}" presName="sibTrans" presStyleCnt="0"/>
      <dgm:spPr/>
    </dgm:pt>
    <dgm:pt modelId="{4F4DDE9B-E1C5-4047-8AE4-842CA4BB7377}" type="pres">
      <dgm:prSet presAssocID="{38FE0DDB-A1D4-4723-90B8-3A679C2BCF1C}" presName="node" presStyleLbl="node1" presStyleIdx="1" presStyleCnt="3">
        <dgm:presLayoutVars>
          <dgm:bulletEnabled val="1"/>
        </dgm:presLayoutVars>
      </dgm:prSet>
      <dgm:spPr/>
    </dgm:pt>
    <dgm:pt modelId="{2C1A064C-8BCE-4CC2-AFF1-2F4EE8103B9F}" type="pres">
      <dgm:prSet presAssocID="{EC999E7D-F690-4129-B847-9FB24560B3E3}" presName="sibTrans" presStyleCnt="0"/>
      <dgm:spPr/>
    </dgm:pt>
    <dgm:pt modelId="{D8D63D31-9AB0-4304-A1D9-CDDCDCC3095A}" type="pres">
      <dgm:prSet presAssocID="{52967387-FEAC-4D4C-A8C9-9DE034F15874}" presName="node" presStyleLbl="node1" presStyleIdx="2" presStyleCnt="3">
        <dgm:presLayoutVars>
          <dgm:bulletEnabled val="1"/>
        </dgm:presLayoutVars>
      </dgm:prSet>
      <dgm:spPr/>
    </dgm:pt>
  </dgm:ptLst>
  <dgm:cxnLst>
    <dgm:cxn modelId="{CBB7D605-0E65-40ED-8DD7-3E32D7B51D57}" srcId="{AB5149F4-EDF0-4044-8BAE-4BFCDC0E9A7F}" destId="{38FE0DDB-A1D4-4723-90B8-3A679C2BCF1C}" srcOrd="1" destOrd="0" parTransId="{C7AD8159-2E78-49A0-9FF7-FEC432AF7F7E}" sibTransId="{EC999E7D-F690-4129-B847-9FB24560B3E3}"/>
    <dgm:cxn modelId="{CE04CB39-A830-4914-BC76-B76607DBA0EC}" type="presOf" srcId="{7003DB90-6A51-49F5-9EA6-8A96BFCE4D1A}" destId="{D4FCECF9-77D4-4788-AFC5-1E32C359BEA6}" srcOrd="0" destOrd="0" presId="urn:microsoft.com/office/officeart/2005/8/layout/default"/>
    <dgm:cxn modelId="{CDD1A862-878E-4036-B2FC-A701C4F229ED}" srcId="{AB5149F4-EDF0-4044-8BAE-4BFCDC0E9A7F}" destId="{52967387-FEAC-4D4C-A8C9-9DE034F15874}" srcOrd="2" destOrd="0" parTransId="{12AFCEBD-D1CC-4018-82B0-DF981470AB6B}" sibTransId="{F91039D3-992A-416D-A813-F9998B5F066D}"/>
    <dgm:cxn modelId="{5F740D93-32C9-438C-85A6-2AD98585E986}" type="presOf" srcId="{AB5149F4-EDF0-4044-8BAE-4BFCDC0E9A7F}" destId="{B85156D1-1195-4B7A-8177-CA6C3351E44D}" srcOrd="0" destOrd="0" presId="urn:microsoft.com/office/officeart/2005/8/layout/default"/>
    <dgm:cxn modelId="{A4F9B5B3-B595-41CF-AE91-85CA6136F17A}" type="presOf" srcId="{38FE0DDB-A1D4-4723-90B8-3A679C2BCF1C}" destId="{4F4DDE9B-E1C5-4047-8AE4-842CA4BB7377}" srcOrd="0" destOrd="0" presId="urn:microsoft.com/office/officeart/2005/8/layout/default"/>
    <dgm:cxn modelId="{9E9274D7-3E58-47A2-B0F4-337B44BD97FA}" type="presOf" srcId="{52967387-FEAC-4D4C-A8C9-9DE034F15874}" destId="{D8D63D31-9AB0-4304-A1D9-CDDCDCC3095A}" srcOrd="0" destOrd="0" presId="urn:microsoft.com/office/officeart/2005/8/layout/default"/>
    <dgm:cxn modelId="{95DA65DD-6B85-491A-A886-766C1C2BB8F3}" srcId="{AB5149F4-EDF0-4044-8BAE-4BFCDC0E9A7F}" destId="{7003DB90-6A51-49F5-9EA6-8A96BFCE4D1A}" srcOrd="0" destOrd="0" parTransId="{FD58DF11-B601-421C-8B8F-7DDB88576715}" sibTransId="{A250D115-7FB2-4B38-A85C-085226EC8261}"/>
    <dgm:cxn modelId="{90B3588B-B757-4982-A256-24EBB990953C}" type="presParOf" srcId="{B85156D1-1195-4B7A-8177-CA6C3351E44D}" destId="{D4FCECF9-77D4-4788-AFC5-1E32C359BEA6}" srcOrd="0" destOrd="0" presId="urn:microsoft.com/office/officeart/2005/8/layout/default"/>
    <dgm:cxn modelId="{8B45D62E-033D-492B-A93F-C6D68BC02C5D}" type="presParOf" srcId="{B85156D1-1195-4B7A-8177-CA6C3351E44D}" destId="{8BC99F79-3FCA-445A-BAB4-3834736E7077}" srcOrd="1" destOrd="0" presId="urn:microsoft.com/office/officeart/2005/8/layout/default"/>
    <dgm:cxn modelId="{F99CB447-0E30-4BA6-8120-41DA9DAFA9B2}" type="presParOf" srcId="{B85156D1-1195-4B7A-8177-CA6C3351E44D}" destId="{4F4DDE9B-E1C5-4047-8AE4-842CA4BB7377}" srcOrd="2" destOrd="0" presId="urn:microsoft.com/office/officeart/2005/8/layout/default"/>
    <dgm:cxn modelId="{E8CAFA14-502A-4BE0-92BB-BAD3B5101091}" type="presParOf" srcId="{B85156D1-1195-4B7A-8177-CA6C3351E44D}" destId="{2C1A064C-8BCE-4CC2-AFF1-2F4EE8103B9F}" srcOrd="3" destOrd="0" presId="urn:microsoft.com/office/officeart/2005/8/layout/default"/>
    <dgm:cxn modelId="{8927826C-07F5-43CC-85E2-FC103A922637}" type="presParOf" srcId="{B85156D1-1195-4B7A-8177-CA6C3351E44D}" destId="{D8D63D31-9AB0-4304-A1D9-CDDCDCC3095A}" srcOrd="4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A06933-DF17-432B-872A-177D285A2F54}">
      <dsp:nvSpPr>
        <dsp:cNvPr id="0" name=""/>
        <dsp:cNvSpPr/>
      </dsp:nvSpPr>
      <dsp:spPr>
        <a:xfrm>
          <a:off x="679050" y="179975"/>
          <a:ext cx="1887187" cy="1887187"/>
        </a:xfrm>
        <a:prstGeom prst="round2DiagRect">
          <a:avLst>
            <a:gd name="adj1" fmla="val 29727"/>
            <a:gd name="adj2" fmla="val 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3B50A9A-D0C3-4A44-ACEA-56B0DC0FD821}">
      <dsp:nvSpPr>
        <dsp:cNvPr id="0" name=""/>
        <dsp:cNvSpPr/>
      </dsp:nvSpPr>
      <dsp:spPr>
        <a:xfrm>
          <a:off x="1081237" y="582162"/>
          <a:ext cx="1082812" cy="108281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68FEEF-D7B3-4397-A066-B6627ADC273D}">
      <dsp:nvSpPr>
        <dsp:cNvPr id="0" name=""/>
        <dsp:cNvSpPr/>
      </dsp:nvSpPr>
      <dsp:spPr>
        <a:xfrm>
          <a:off x="75768" y="2654975"/>
          <a:ext cx="3093750" cy="151638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000" kern="1200" dirty="0"/>
            <a:t>British Prime Minister Margaret Thatcher used this to identify the internal informer</a:t>
          </a:r>
        </a:p>
      </dsp:txBody>
      <dsp:txXfrm>
        <a:off x="75768" y="2654975"/>
        <a:ext cx="3093750" cy="1516387"/>
      </dsp:txXfrm>
    </dsp:sp>
    <dsp:sp modelId="{F647DF90-D1DD-4A75-B608-4048DD1ADE7C}">
      <dsp:nvSpPr>
        <dsp:cNvPr id="0" name=""/>
        <dsp:cNvSpPr/>
      </dsp:nvSpPr>
      <dsp:spPr>
        <a:xfrm>
          <a:off x="4314206" y="179975"/>
          <a:ext cx="1887187" cy="1887187"/>
        </a:xfrm>
        <a:prstGeom prst="round2DiagRect">
          <a:avLst>
            <a:gd name="adj1" fmla="val 29727"/>
            <a:gd name="adj2" fmla="val 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881C818-63C9-4A7F-A325-4C6F3856F7AE}">
      <dsp:nvSpPr>
        <dsp:cNvPr id="0" name=""/>
        <dsp:cNvSpPr/>
      </dsp:nvSpPr>
      <dsp:spPr>
        <a:xfrm>
          <a:off x="4716393" y="582162"/>
          <a:ext cx="1082812" cy="1082812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C8EC096-5F4C-4562-9098-CD8D7EC1436C}">
      <dsp:nvSpPr>
        <dsp:cNvPr id="0" name=""/>
        <dsp:cNvSpPr/>
      </dsp:nvSpPr>
      <dsp:spPr>
        <a:xfrm>
          <a:off x="3710925" y="2654975"/>
          <a:ext cx="3093750" cy="151638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800" kern="1200" dirty="0"/>
            <a:t>US and USSR were transmitting information about nuclear facilities on public channels without revealing the receiver location</a:t>
          </a:r>
        </a:p>
      </dsp:txBody>
      <dsp:txXfrm>
        <a:off x="3710925" y="2654975"/>
        <a:ext cx="3093750" cy="1516387"/>
      </dsp:txXfrm>
    </dsp:sp>
    <dsp:sp modelId="{DEB65286-3977-42AD-B788-5EC0BB5CF7FD}">
      <dsp:nvSpPr>
        <dsp:cNvPr id="0" name=""/>
        <dsp:cNvSpPr/>
      </dsp:nvSpPr>
      <dsp:spPr>
        <a:xfrm>
          <a:off x="7949362" y="179975"/>
          <a:ext cx="1887187" cy="1887187"/>
        </a:xfrm>
        <a:prstGeom prst="round2DiagRect">
          <a:avLst>
            <a:gd name="adj1" fmla="val 29727"/>
            <a:gd name="adj2" fmla="val 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56836EE-EC18-435A-B0E7-EB81BDCEEC4C}">
      <dsp:nvSpPr>
        <dsp:cNvPr id="0" name=""/>
        <dsp:cNvSpPr/>
      </dsp:nvSpPr>
      <dsp:spPr>
        <a:xfrm>
          <a:off x="8351550" y="582162"/>
          <a:ext cx="1082812" cy="1082812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EB52D6D-9E57-4D67-9A68-577BDB5C7FB2}">
      <dsp:nvSpPr>
        <dsp:cNvPr id="0" name=""/>
        <dsp:cNvSpPr/>
      </dsp:nvSpPr>
      <dsp:spPr>
        <a:xfrm>
          <a:off x="7346081" y="2654975"/>
          <a:ext cx="3093750" cy="151638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000" kern="1200" dirty="0"/>
            <a:t>You may not be the only one reading your private messages on social media, steganography can stop it</a:t>
          </a:r>
        </a:p>
      </dsp:txBody>
      <dsp:txXfrm>
        <a:off x="7346081" y="2654975"/>
        <a:ext cx="3093750" cy="151638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3BE70CA-91D0-4918-B74E-79BA14F4FF12}">
      <dsp:nvSpPr>
        <dsp:cNvPr id="0" name=""/>
        <dsp:cNvSpPr/>
      </dsp:nvSpPr>
      <dsp:spPr>
        <a:xfrm>
          <a:off x="0" y="498"/>
          <a:ext cx="10515600" cy="1165707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104B0AE-9C62-4A72-B878-9B90499B73C9}">
      <dsp:nvSpPr>
        <dsp:cNvPr id="0" name=""/>
        <dsp:cNvSpPr/>
      </dsp:nvSpPr>
      <dsp:spPr>
        <a:xfrm>
          <a:off x="352626" y="262782"/>
          <a:ext cx="641139" cy="641139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B64A857-0E25-4EBB-BE5F-8D0A7A2E23BA}">
      <dsp:nvSpPr>
        <dsp:cNvPr id="0" name=""/>
        <dsp:cNvSpPr/>
      </dsp:nvSpPr>
      <dsp:spPr>
        <a:xfrm>
          <a:off x="1346392" y="498"/>
          <a:ext cx="9169207" cy="11657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371" tIns="123371" rIns="123371" bIns="123371" numCol="1" spcCol="1270" anchor="ctr" anchorCtr="0">
          <a:noAutofit/>
        </a:bodyPr>
        <a:lstStyle/>
        <a:p>
          <a:pPr marL="0" lvl="0" indent="0" algn="l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 dirty="0"/>
            <a:t>Web server running on </a:t>
          </a:r>
          <a:r>
            <a:rPr lang="en-US" sz="3600" kern="1200" dirty="0">
              <a:solidFill>
                <a:schemeClr val="accent2"/>
              </a:solidFill>
            </a:rPr>
            <a:t>Linux</a:t>
          </a:r>
        </a:p>
      </dsp:txBody>
      <dsp:txXfrm>
        <a:off x="1346392" y="498"/>
        <a:ext cx="9169207" cy="1165707"/>
      </dsp:txXfrm>
    </dsp:sp>
    <dsp:sp modelId="{38F210EA-638C-4332-AE85-41AB6C51AEBB}">
      <dsp:nvSpPr>
        <dsp:cNvPr id="0" name=""/>
        <dsp:cNvSpPr/>
      </dsp:nvSpPr>
      <dsp:spPr>
        <a:xfrm>
          <a:off x="0" y="1466026"/>
          <a:ext cx="10515600" cy="1165707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CBCF4A-751A-45C9-866E-C2F3F6E54183}">
      <dsp:nvSpPr>
        <dsp:cNvPr id="0" name=""/>
        <dsp:cNvSpPr/>
      </dsp:nvSpPr>
      <dsp:spPr>
        <a:xfrm>
          <a:off x="352626" y="1719917"/>
          <a:ext cx="641139" cy="641139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2BA8035-B535-4E74-840B-E2737420C214}">
      <dsp:nvSpPr>
        <dsp:cNvPr id="0" name=""/>
        <dsp:cNvSpPr/>
      </dsp:nvSpPr>
      <dsp:spPr>
        <a:xfrm>
          <a:off x="1346392" y="1457633"/>
          <a:ext cx="9169207" cy="11657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371" tIns="123371" rIns="123371" bIns="123371" numCol="1" spcCol="1270" anchor="ctr" anchorCtr="0">
          <a:noAutofit/>
        </a:bodyPr>
        <a:lstStyle/>
        <a:p>
          <a:pPr marL="0" lvl="0" indent="0" algn="l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 dirty="0">
              <a:solidFill>
                <a:schemeClr val="accent2"/>
              </a:solidFill>
            </a:rPr>
            <a:t>Highly scalable</a:t>
          </a:r>
        </a:p>
      </dsp:txBody>
      <dsp:txXfrm>
        <a:off x="1346392" y="1457633"/>
        <a:ext cx="9169207" cy="1165707"/>
      </dsp:txXfrm>
    </dsp:sp>
    <dsp:sp modelId="{4F59AF1F-03F9-42A7-A657-86BB5A1CF607}">
      <dsp:nvSpPr>
        <dsp:cNvPr id="0" name=""/>
        <dsp:cNvSpPr/>
      </dsp:nvSpPr>
      <dsp:spPr>
        <a:xfrm>
          <a:off x="0" y="2914767"/>
          <a:ext cx="10515600" cy="1165707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EC0EB26-CBEC-4F5E-B46C-41297344EFE3}">
      <dsp:nvSpPr>
        <dsp:cNvPr id="0" name=""/>
        <dsp:cNvSpPr/>
      </dsp:nvSpPr>
      <dsp:spPr>
        <a:xfrm>
          <a:off x="352626" y="3177052"/>
          <a:ext cx="641139" cy="641139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6C81ECA-F303-44D5-96BA-9740B9689002}">
      <dsp:nvSpPr>
        <dsp:cNvPr id="0" name=""/>
        <dsp:cNvSpPr/>
      </dsp:nvSpPr>
      <dsp:spPr>
        <a:xfrm>
          <a:off x="1346392" y="2914767"/>
          <a:ext cx="9169207" cy="11657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371" tIns="123371" rIns="123371" bIns="123371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dirty="0"/>
            <a:t>Custom Linux Kernel drivers developed for hardware components with </a:t>
          </a:r>
          <a:r>
            <a:rPr lang="en-US" sz="3200" kern="1200" dirty="0">
              <a:solidFill>
                <a:schemeClr val="accent2"/>
              </a:solidFill>
            </a:rPr>
            <a:t>IIO framework</a:t>
          </a:r>
        </a:p>
      </dsp:txBody>
      <dsp:txXfrm>
        <a:off x="1346392" y="2914767"/>
        <a:ext cx="9169207" cy="1165707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8299136-B81F-4877-BCE5-E50270B81736}">
      <dsp:nvSpPr>
        <dsp:cNvPr id="0" name=""/>
        <dsp:cNvSpPr/>
      </dsp:nvSpPr>
      <dsp:spPr>
        <a:xfrm>
          <a:off x="1138979" y="1097614"/>
          <a:ext cx="932563" cy="932563"/>
        </a:xfrm>
        <a:prstGeom prst="rect">
          <a:avLst/>
        </a:prstGeom>
        <a:blipFill rotWithShape="1">
          <a:blip xmlns:r="http://schemas.openxmlformats.org/officeDocument/2006/relationships" r:embed="rId1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2"/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8BE433-EAFE-4659-80A6-BF37F0AFE6AD}">
      <dsp:nvSpPr>
        <dsp:cNvPr id="0" name=""/>
        <dsp:cNvSpPr/>
      </dsp:nvSpPr>
      <dsp:spPr>
        <a:xfrm>
          <a:off x="569079" y="2353723"/>
          <a:ext cx="2072362" cy="90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dirty="0"/>
            <a:t>Hardware accelerated</a:t>
          </a:r>
        </a:p>
      </dsp:txBody>
      <dsp:txXfrm>
        <a:off x="569079" y="2353723"/>
        <a:ext cx="2072362" cy="900000"/>
      </dsp:txXfrm>
    </dsp:sp>
    <dsp:sp modelId="{7C40316E-1DFC-4F89-8977-B1B9E35A7E4F}">
      <dsp:nvSpPr>
        <dsp:cNvPr id="0" name=""/>
        <dsp:cNvSpPr/>
      </dsp:nvSpPr>
      <dsp:spPr>
        <a:xfrm>
          <a:off x="3574005" y="1097614"/>
          <a:ext cx="932563" cy="932563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F5A3BA7-13D9-41BA-988D-68BB22D7714E}">
      <dsp:nvSpPr>
        <dsp:cNvPr id="0" name=""/>
        <dsp:cNvSpPr/>
      </dsp:nvSpPr>
      <dsp:spPr>
        <a:xfrm>
          <a:off x="3004105" y="2353723"/>
          <a:ext cx="2072362" cy="90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Receives </a:t>
          </a:r>
          <a:r>
            <a:rPr lang="en-US" sz="1800" kern="1200" dirty="0">
              <a:solidFill>
                <a:schemeClr val="accent2"/>
              </a:solidFill>
            </a:rPr>
            <a:t>random locations </a:t>
          </a:r>
          <a:r>
            <a:rPr lang="en-US" sz="1800" kern="1200" dirty="0"/>
            <a:t>from Linux Kernel via </a:t>
          </a:r>
          <a:r>
            <a:rPr lang="en-US" sz="1800" kern="1200" dirty="0">
              <a:solidFill>
                <a:schemeClr val="accent2"/>
              </a:solidFill>
            </a:rPr>
            <a:t>AXI Stream</a:t>
          </a:r>
        </a:p>
      </dsp:txBody>
      <dsp:txXfrm>
        <a:off x="3004105" y="2353723"/>
        <a:ext cx="2072362" cy="900000"/>
      </dsp:txXfrm>
    </dsp:sp>
    <dsp:sp modelId="{80F5D892-3800-4B56-9C54-A0EA7A10B94A}">
      <dsp:nvSpPr>
        <dsp:cNvPr id="0" name=""/>
        <dsp:cNvSpPr/>
      </dsp:nvSpPr>
      <dsp:spPr>
        <a:xfrm>
          <a:off x="6009031" y="1097614"/>
          <a:ext cx="932563" cy="932563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39F9AE3-55C5-48CE-B88C-F07D2AFD6FD9}">
      <dsp:nvSpPr>
        <dsp:cNvPr id="0" name=""/>
        <dsp:cNvSpPr/>
      </dsp:nvSpPr>
      <dsp:spPr>
        <a:xfrm>
          <a:off x="5439131" y="2353723"/>
          <a:ext cx="2072362" cy="90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Receives </a:t>
          </a:r>
          <a:r>
            <a:rPr lang="en-US" sz="1800" kern="1200" dirty="0">
              <a:solidFill>
                <a:schemeClr val="accent2"/>
              </a:solidFill>
            </a:rPr>
            <a:t>chip temperature</a:t>
          </a:r>
        </a:p>
      </dsp:txBody>
      <dsp:txXfrm>
        <a:off x="5439131" y="2353723"/>
        <a:ext cx="2072362" cy="900000"/>
      </dsp:txXfrm>
    </dsp:sp>
    <dsp:sp modelId="{3A78A701-6C05-4437-808B-1C5774695C33}">
      <dsp:nvSpPr>
        <dsp:cNvPr id="0" name=""/>
        <dsp:cNvSpPr/>
      </dsp:nvSpPr>
      <dsp:spPr>
        <a:xfrm>
          <a:off x="8444057" y="1097614"/>
          <a:ext cx="932563" cy="932563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A1F7C73-9E54-4E60-9C66-D47C7A1E1039}">
      <dsp:nvSpPr>
        <dsp:cNvPr id="0" name=""/>
        <dsp:cNvSpPr/>
      </dsp:nvSpPr>
      <dsp:spPr>
        <a:xfrm>
          <a:off x="7874157" y="2353723"/>
          <a:ext cx="2072362" cy="90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chemeClr val="accent2"/>
              </a:solidFill>
            </a:rPr>
            <a:t>Custom Linux Kernel driver</a:t>
          </a:r>
          <a:r>
            <a:rPr lang="en-US" sz="1800" kern="1200" dirty="0"/>
            <a:t> for it</a:t>
          </a:r>
        </a:p>
      </dsp:txBody>
      <dsp:txXfrm>
        <a:off x="7874157" y="2353723"/>
        <a:ext cx="2072362" cy="900000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63635A4-1C65-42AE-A939-CE44B5A3D73F}">
      <dsp:nvSpPr>
        <dsp:cNvPr id="0" name=""/>
        <dsp:cNvSpPr/>
      </dsp:nvSpPr>
      <dsp:spPr>
        <a:xfrm>
          <a:off x="1585125" y="241833"/>
          <a:ext cx="1944000" cy="1944000"/>
        </a:xfrm>
        <a:prstGeom prst="rect">
          <a:avLst/>
        </a:prstGeom>
        <a:blipFill rotWithShape="1">
          <a:blip xmlns:r="http://schemas.openxmlformats.org/officeDocument/2006/relationships" r:embed="rId1">
            <a:duotone>
              <a:srgbClr val="5B9BD5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429A9F1-F211-4897-8AAC-B0D3CC7B64DD}">
      <dsp:nvSpPr>
        <dsp:cNvPr id="0" name=""/>
        <dsp:cNvSpPr/>
      </dsp:nvSpPr>
      <dsp:spPr>
        <a:xfrm>
          <a:off x="397125" y="2656011"/>
          <a:ext cx="4320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True random number generator for generating certificates</a:t>
          </a:r>
        </a:p>
      </dsp:txBody>
      <dsp:txXfrm>
        <a:off x="397125" y="2656011"/>
        <a:ext cx="4320000" cy="720000"/>
      </dsp:txXfrm>
    </dsp:sp>
    <dsp:sp modelId="{86113E9E-332F-42F7-99BD-F5346E4BAC2E}">
      <dsp:nvSpPr>
        <dsp:cNvPr id="0" name=""/>
        <dsp:cNvSpPr/>
      </dsp:nvSpPr>
      <dsp:spPr>
        <a:xfrm>
          <a:off x="6661126" y="241833"/>
          <a:ext cx="1944000" cy="1944000"/>
        </a:xfrm>
        <a:prstGeom prst="rect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E266934-A44D-41B0-AE95-8CAE0B80CD46}">
      <dsp:nvSpPr>
        <dsp:cNvPr id="0" name=""/>
        <dsp:cNvSpPr/>
      </dsp:nvSpPr>
      <dsp:spPr>
        <a:xfrm>
          <a:off x="5473126" y="2656011"/>
          <a:ext cx="4320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External HDMI video processor</a:t>
          </a:r>
        </a:p>
      </dsp:txBody>
      <dsp:txXfrm>
        <a:off x="5473126" y="2656011"/>
        <a:ext cx="4320000" cy="720000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3E9C76F-ABD3-4E7A-953B-46508CA8EA97}">
      <dsp:nvSpPr>
        <dsp:cNvPr id="0" name=""/>
        <dsp:cNvSpPr/>
      </dsp:nvSpPr>
      <dsp:spPr>
        <a:xfrm>
          <a:off x="973190" y="986724"/>
          <a:ext cx="1264141" cy="1264141"/>
        </a:xfrm>
        <a:prstGeom prst="round2DiagRect">
          <a:avLst>
            <a:gd name="adj1" fmla="val 29727"/>
            <a:gd name="adj2" fmla="val 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EC856EC-D340-4418-943D-10EA6FFC2486}">
      <dsp:nvSpPr>
        <dsp:cNvPr id="0" name=""/>
        <dsp:cNvSpPr/>
      </dsp:nvSpPr>
      <dsp:spPr>
        <a:xfrm>
          <a:off x="1242597" y="1256131"/>
          <a:ext cx="725326" cy="725326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4347FC0-1166-4ADA-ABB0-D48478B27DC6}">
      <dsp:nvSpPr>
        <dsp:cNvPr id="0" name=""/>
        <dsp:cNvSpPr/>
      </dsp:nvSpPr>
      <dsp:spPr>
        <a:xfrm>
          <a:off x="569079" y="2644614"/>
          <a:ext cx="2072362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900" kern="1200"/>
            <a:t>Easily integrated with exposed API</a:t>
          </a:r>
        </a:p>
      </dsp:txBody>
      <dsp:txXfrm>
        <a:off x="569079" y="2644614"/>
        <a:ext cx="2072362" cy="720000"/>
      </dsp:txXfrm>
    </dsp:sp>
    <dsp:sp modelId="{4C0825BE-DFA5-415C-9F11-C1BADBD11028}">
      <dsp:nvSpPr>
        <dsp:cNvPr id="0" name=""/>
        <dsp:cNvSpPr/>
      </dsp:nvSpPr>
      <dsp:spPr>
        <a:xfrm>
          <a:off x="3408216" y="986724"/>
          <a:ext cx="1264141" cy="1264141"/>
        </a:xfrm>
        <a:prstGeom prst="round2DiagRect">
          <a:avLst>
            <a:gd name="adj1" fmla="val 29727"/>
            <a:gd name="adj2" fmla="val 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38136FB-38F3-41F3-9820-657A683D2CA1}">
      <dsp:nvSpPr>
        <dsp:cNvPr id="0" name=""/>
        <dsp:cNvSpPr/>
      </dsp:nvSpPr>
      <dsp:spPr>
        <a:xfrm>
          <a:off x="3677623" y="1256131"/>
          <a:ext cx="725326" cy="725326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4621C4B-72F1-4D80-AC39-0FF669065ECC}">
      <dsp:nvSpPr>
        <dsp:cNvPr id="0" name=""/>
        <dsp:cNvSpPr/>
      </dsp:nvSpPr>
      <dsp:spPr>
        <a:xfrm>
          <a:off x="3004105" y="2644614"/>
          <a:ext cx="2072362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900" kern="1200"/>
            <a:t>Chat App integrated</a:t>
          </a:r>
        </a:p>
      </dsp:txBody>
      <dsp:txXfrm>
        <a:off x="3004105" y="2644614"/>
        <a:ext cx="2072362" cy="720000"/>
      </dsp:txXfrm>
    </dsp:sp>
    <dsp:sp modelId="{E210BE36-FE14-464D-B5BC-B5D02128AE6A}">
      <dsp:nvSpPr>
        <dsp:cNvPr id="0" name=""/>
        <dsp:cNvSpPr/>
      </dsp:nvSpPr>
      <dsp:spPr>
        <a:xfrm>
          <a:off x="5843242" y="986724"/>
          <a:ext cx="1264141" cy="1264141"/>
        </a:xfrm>
        <a:prstGeom prst="round2DiagRect">
          <a:avLst>
            <a:gd name="adj1" fmla="val 29727"/>
            <a:gd name="adj2" fmla="val 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57AF6F3-14BE-4D08-BFB3-8CD8D963C760}">
      <dsp:nvSpPr>
        <dsp:cNvPr id="0" name=""/>
        <dsp:cNvSpPr/>
      </dsp:nvSpPr>
      <dsp:spPr>
        <a:xfrm>
          <a:off x="6112649" y="1256131"/>
          <a:ext cx="725326" cy="725326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7DE16F9-753D-4FDF-BD07-2A8B24361104}">
      <dsp:nvSpPr>
        <dsp:cNvPr id="0" name=""/>
        <dsp:cNvSpPr/>
      </dsp:nvSpPr>
      <dsp:spPr>
        <a:xfrm>
          <a:off x="5439131" y="2644614"/>
          <a:ext cx="2072362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900" kern="1200"/>
            <a:t>Real time operating system</a:t>
          </a:r>
        </a:p>
      </dsp:txBody>
      <dsp:txXfrm>
        <a:off x="5439131" y="2644614"/>
        <a:ext cx="2072362" cy="720000"/>
      </dsp:txXfrm>
    </dsp:sp>
    <dsp:sp modelId="{E80C0A44-3E12-4C02-8551-6D59739C6E04}">
      <dsp:nvSpPr>
        <dsp:cNvPr id="0" name=""/>
        <dsp:cNvSpPr/>
      </dsp:nvSpPr>
      <dsp:spPr>
        <a:xfrm>
          <a:off x="8278268" y="986724"/>
          <a:ext cx="1264141" cy="1264141"/>
        </a:xfrm>
        <a:prstGeom prst="round2DiagRect">
          <a:avLst>
            <a:gd name="adj1" fmla="val 29727"/>
            <a:gd name="adj2" fmla="val 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D004D60-1D93-41BF-8A35-4900E4A340A1}">
      <dsp:nvSpPr>
        <dsp:cNvPr id="0" name=""/>
        <dsp:cNvSpPr/>
      </dsp:nvSpPr>
      <dsp:spPr>
        <a:xfrm>
          <a:off x="8547675" y="1256131"/>
          <a:ext cx="725326" cy="725326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8C9B569-E11D-4606-8EF4-B678660DA6BD}">
      <dsp:nvSpPr>
        <dsp:cNvPr id="0" name=""/>
        <dsp:cNvSpPr/>
      </dsp:nvSpPr>
      <dsp:spPr>
        <a:xfrm>
          <a:off x="7874157" y="2644614"/>
          <a:ext cx="2072362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900" kern="1200"/>
            <a:t>Drivers for Linux Kernel developed</a:t>
          </a:r>
        </a:p>
      </dsp:txBody>
      <dsp:txXfrm>
        <a:off x="7874157" y="2644614"/>
        <a:ext cx="2072362" cy="720000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4FCECF9-77D4-4788-AFC5-1E32C359BEA6}">
      <dsp:nvSpPr>
        <dsp:cNvPr id="0" name=""/>
        <dsp:cNvSpPr/>
      </dsp:nvSpPr>
      <dsp:spPr>
        <a:xfrm>
          <a:off x="0" y="853586"/>
          <a:ext cx="3184453" cy="191067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Parallelization more the encryption and decryption to get better performances</a:t>
          </a:r>
          <a:endParaRPr lang="en-US" sz="2700" kern="1200"/>
        </a:p>
      </dsp:txBody>
      <dsp:txXfrm>
        <a:off x="0" y="853586"/>
        <a:ext cx="3184453" cy="1910672"/>
      </dsp:txXfrm>
    </dsp:sp>
    <dsp:sp modelId="{4F4DDE9B-E1C5-4047-8AE4-842CA4BB7377}">
      <dsp:nvSpPr>
        <dsp:cNvPr id="0" name=""/>
        <dsp:cNvSpPr/>
      </dsp:nvSpPr>
      <dsp:spPr>
        <a:xfrm>
          <a:off x="3502899" y="853586"/>
          <a:ext cx="3184453" cy="191067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Optimize architecture </a:t>
          </a:r>
          <a:endParaRPr lang="en-US" sz="2700" kern="1200"/>
        </a:p>
      </dsp:txBody>
      <dsp:txXfrm>
        <a:off x="3502899" y="853586"/>
        <a:ext cx="3184453" cy="1910672"/>
      </dsp:txXfrm>
    </dsp:sp>
    <dsp:sp modelId="{D8D63D31-9AB0-4304-A1D9-CDDCDCC3095A}">
      <dsp:nvSpPr>
        <dsp:cNvPr id="0" name=""/>
        <dsp:cNvSpPr/>
      </dsp:nvSpPr>
      <dsp:spPr>
        <a:xfrm>
          <a:off x="7005798" y="853586"/>
          <a:ext cx="3184453" cy="191067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Accelerate multiple video algorithms </a:t>
          </a:r>
          <a:endParaRPr lang="en-US" sz="2700" kern="1200"/>
        </a:p>
      </dsp:txBody>
      <dsp:txXfrm>
        <a:off x="7005798" y="853586"/>
        <a:ext cx="3184453" cy="191067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5/layout/IconLeafLabelList">
  <dgm:title val="Icon Leaf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round2DiagRect" r:blip="">
            <dgm:adjLst/>
            <dgm:extLst>
              <a:ext uri="{B698B0E9-8C71-41B9-8309-B3DCBF30829C}">
                <dgm1612:spPr xmlns:dgm1612="http://schemas.microsoft.com/office/drawing/2016/12/diagram">
                  <a:prstGeom prst="round2DiagRect">
                    <a:avLst>
                      <a:gd name="adj1" fmla="val 29727"/>
                      <a:gd name="adj2" fmla="val 0"/>
                    </a:avLst>
                  </a:prstGeom>
                </dgm1612:spPr>
              </a:ext>
            </dgm:ext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18/5/layout/IconLeafLabelList">
  <dgm:title val="Icon Leaf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round2DiagRect" r:blip="">
            <dgm:adjLst/>
            <dgm:extLst>
              <a:ext uri="{B698B0E9-8C71-41B9-8309-B3DCBF30829C}">
                <dgm1612:spPr xmlns:dgm1612="http://schemas.microsoft.com/office/drawing/2016/12/diagram">
                  <a:prstGeom prst="round2DiagRect">
                    <a:avLst>
                      <a:gd name="adj1" fmla="val 29727"/>
                      <a:gd name="adj2" fmla="val 0"/>
                    </a:avLst>
                  </a:prstGeom>
                </dgm1612:spPr>
              </a:ext>
            </dgm:ext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A3CDE88-7802-48BE-8E12-DC442707DF1A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5464438-DCAE-4F9B-937A-9E29788DC0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39768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0" name="Shape 32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21" name="Shape 32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3305798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6" name="Shape 326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27" name="Shape 327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2" name="Shape 33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In order to develop this we have used: POZE CU LOGOURI SI ZENZORI &lt;- DE ADAUGAT</a:t>
            </a:r>
            <a:endParaRPr sz="2000" b="0" i="0" u="none" strike="noStrike" cap="none">
              <a:solidFill>
                <a:srgbClr val="000000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2000" b="0" i="0" u="none" strike="noStrike" cap="none">
              <a:solidFill>
                <a:srgbClr val="000000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333" name="Shape 33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28745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64615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6531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 4">
  <p:cSld name="Custom layout 4">
    <p:bg>
      <p:bgPr>
        <a:solidFill>
          <a:srgbClr val="2D3142"/>
        </a:solidFill>
        <a:effectLst/>
      </p:bgPr>
    </p:bg>
    <p:spTree>
      <p:nvGrpSpPr>
        <p:cNvPr id="1" name="Shape 5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Shape 56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7" name="Shape 57"/>
          <p:cNvSpPr/>
          <p:nvPr/>
        </p:nvSpPr>
        <p:spPr>
          <a:xfrm>
            <a:off x="448772" y="444133"/>
            <a:ext cx="11294400" cy="6007600"/>
          </a:xfrm>
          <a:prstGeom prst="rect">
            <a:avLst/>
          </a:prstGeom>
          <a:solidFill>
            <a:schemeClr val="dk1"/>
          </a:solidFill>
          <a:ln w="9525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8" name="Shape 58"/>
          <p:cNvSpPr/>
          <p:nvPr/>
        </p:nvSpPr>
        <p:spPr>
          <a:xfrm>
            <a:off x="188967" y="875735"/>
            <a:ext cx="11814000" cy="5144400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sz="2400"/>
          </a:p>
        </p:txBody>
      </p:sp>
      <p:sp>
        <p:nvSpPr>
          <p:cNvPr id="59" name="Shape 59"/>
          <p:cNvSpPr txBox="1">
            <a:spLocks noGrp="1"/>
          </p:cNvSpPr>
          <p:nvPr>
            <p:ph type="title"/>
          </p:nvPr>
        </p:nvSpPr>
        <p:spPr>
          <a:xfrm>
            <a:off x="1084351" y="1303233"/>
            <a:ext cx="5669600" cy="21220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t" anchorCtr="0"/>
          <a:lstStyle>
            <a:lvl1pPr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000"/>
              <a:buNone/>
              <a:defRPr sz="4000" b="1">
                <a:solidFill>
                  <a:srgbClr val="F2D7EE"/>
                </a:solidFill>
              </a:defRPr>
            </a:lvl1pPr>
            <a:lvl2pPr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2pPr>
            <a:lvl3pPr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3pPr>
            <a:lvl4pPr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4pPr>
            <a:lvl5pPr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5pPr>
            <a:lvl6pPr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6pPr>
            <a:lvl7pPr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7pPr>
            <a:lvl8pPr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8pPr>
            <a:lvl9pPr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3200"/>
              <a:buNone/>
              <a:defRPr sz="4267" b="1">
                <a:solidFill>
                  <a:srgbClr val="F2D7EE"/>
                </a:solidFill>
              </a:defRPr>
            </a:lvl9pPr>
          </a:lstStyle>
          <a:p>
            <a:endParaRPr/>
          </a:p>
        </p:txBody>
      </p:sp>
      <p:sp>
        <p:nvSpPr>
          <p:cNvPr id="60" name="Shape 60"/>
          <p:cNvSpPr txBox="1">
            <a:spLocks noGrp="1"/>
          </p:cNvSpPr>
          <p:nvPr>
            <p:ph type="body" idx="1"/>
          </p:nvPr>
        </p:nvSpPr>
        <p:spPr>
          <a:xfrm>
            <a:off x="1084351" y="3535300"/>
            <a:ext cx="5669600" cy="20552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t" anchorCtr="0"/>
          <a:lstStyle>
            <a:lvl1pPr marL="609585" lvl="0" indent="-423323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F2D7EE"/>
              </a:buClr>
              <a:buSzPts val="1400"/>
              <a:buChar char="●"/>
              <a:defRPr sz="1867">
                <a:solidFill>
                  <a:srgbClr val="F2D7EE"/>
                </a:solidFill>
              </a:defRPr>
            </a:lvl1pPr>
            <a:lvl2pPr marL="1219170" lvl="1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2pPr>
            <a:lvl3pPr marL="1828754" lvl="2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3pPr>
            <a:lvl4pPr marL="2438339" lvl="3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●"/>
              <a:defRPr sz="1600">
                <a:solidFill>
                  <a:srgbClr val="F2D7EE"/>
                </a:solidFill>
              </a:defRPr>
            </a:lvl4pPr>
            <a:lvl5pPr marL="3047924" lvl="4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5pPr>
            <a:lvl6pPr marL="3657509" lvl="5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6pPr>
            <a:lvl7pPr marL="4267093" lvl="6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●"/>
              <a:defRPr sz="1600">
                <a:solidFill>
                  <a:srgbClr val="F2D7EE"/>
                </a:solidFill>
              </a:defRPr>
            </a:lvl7pPr>
            <a:lvl8pPr marL="4876678" lvl="7" indent="-406390" algn="l" rtl="0">
              <a:lnSpc>
                <a:spcPct val="115000"/>
              </a:lnSpc>
              <a:spcBef>
                <a:spcPts val="2133"/>
              </a:spcBef>
              <a:spcAft>
                <a:spcPts val="0"/>
              </a:spcAft>
              <a:buClr>
                <a:srgbClr val="F2D7EE"/>
              </a:buClr>
              <a:buSzPts val="1200"/>
              <a:buChar char="○"/>
              <a:defRPr sz="1600">
                <a:solidFill>
                  <a:srgbClr val="F2D7EE"/>
                </a:solidFill>
              </a:defRPr>
            </a:lvl8pPr>
            <a:lvl9pPr marL="5486263" lvl="8" indent="-406390" algn="l" rtl="0">
              <a:lnSpc>
                <a:spcPct val="115000"/>
              </a:lnSpc>
              <a:spcBef>
                <a:spcPts val="2133"/>
              </a:spcBef>
              <a:spcAft>
                <a:spcPts val="2133"/>
              </a:spcAft>
              <a:buClr>
                <a:srgbClr val="F2D7EE"/>
              </a:buClr>
              <a:buSzPts val="1200"/>
              <a:buChar char="■"/>
              <a:defRPr sz="1600">
                <a:solidFill>
                  <a:srgbClr val="F2D7EE"/>
                </a:solidFill>
              </a:defRPr>
            </a:lvl9pPr>
          </a:lstStyle>
          <a:p>
            <a:endParaRPr/>
          </a:p>
        </p:txBody>
      </p:sp>
      <p:sp>
        <p:nvSpPr>
          <p:cNvPr id="61" name="Shape 61"/>
          <p:cNvSpPr txBox="1">
            <a:spLocks noGrp="1"/>
          </p:cNvSpPr>
          <p:nvPr>
            <p:ph type="sldNum" idx="12"/>
          </p:nvPr>
        </p:nvSpPr>
        <p:spPr>
          <a:xfrm>
            <a:off x="11330665" y="6251679"/>
            <a:ext cx="731600" cy="524800"/>
          </a:xfrm>
          <a:prstGeom prst="rect">
            <a:avLst/>
          </a:prstGeom>
          <a:noFill/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1pPr>
            <a:lvl2pPr lvl="1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2pPr>
            <a:lvl3pPr lvl="2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3pPr>
            <a:lvl4pPr lvl="3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4pPr>
            <a:lvl5pPr lvl="4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5pPr>
            <a:lvl6pPr lvl="5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6pPr>
            <a:lvl7pPr lvl="6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7pPr>
            <a:lvl8pPr lvl="7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8pPr>
            <a:lvl9pPr lvl="8" algn="r" rtl="0">
              <a:lnSpc>
                <a:spcPct val="100000"/>
              </a:lnSpc>
              <a:spcAft>
                <a:spcPts val="0"/>
              </a:spcAft>
              <a:buNone/>
              <a:defRPr sz="1333">
                <a:solidFill>
                  <a:srgbClr val="FFFFFF"/>
                </a:solidFill>
              </a:defRPr>
            </a:lvl9pPr>
          </a:lstStyle>
          <a:p>
            <a:fld id="{00000000-1234-1234-1234-123412341234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72749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15538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10431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96111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03023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98915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72131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07942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21747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1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84B7433-7148-400E-AEBA-267F7EA6C044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6A48087-6D4E-4B1C-AE0A-C068E97901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82505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5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gif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image" Target="../media/image35.gif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13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6.xml"/><Relationship Id="rId7" Type="http://schemas.microsoft.com/office/2007/relationships/diagramDrawing" Target="../diagrams/drawing6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Relationship Id="rId6" Type="http://schemas.openxmlformats.org/officeDocument/2006/relationships/diagramColors" Target="../diagrams/colors6.xml"/><Relationship Id="rId5" Type="http://schemas.openxmlformats.org/officeDocument/2006/relationships/diagramQuickStyle" Target="../diagrams/quickStyle6.xml"/><Relationship Id="rId4" Type="http://schemas.openxmlformats.org/officeDocument/2006/relationships/diagramLayout" Target="../diagrams/layout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gif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jpg"/><Relationship Id="rId13" Type="http://schemas.openxmlformats.org/officeDocument/2006/relationships/image" Target="../media/image46.jpg"/><Relationship Id="rId3" Type="http://schemas.openxmlformats.org/officeDocument/2006/relationships/image" Target="../media/image36.png"/><Relationship Id="rId7" Type="http://schemas.openxmlformats.org/officeDocument/2006/relationships/image" Target="../media/image40.jpg"/><Relationship Id="rId12" Type="http://schemas.openxmlformats.org/officeDocument/2006/relationships/image" Target="../media/image45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9.png"/><Relationship Id="rId11" Type="http://schemas.openxmlformats.org/officeDocument/2006/relationships/image" Target="../media/image44.png"/><Relationship Id="rId5" Type="http://schemas.openxmlformats.org/officeDocument/2006/relationships/image" Target="../media/image38.png"/><Relationship Id="rId15" Type="http://schemas.microsoft.com/office/2007/relationships/hdphoto" Target="../media/hdphoto2.wdp"/><Relationship Id="rId10" Type="http://schemas.openxmlformats.org/officeDocument/2006/relationships/image" Target="../media/image43.jpg"/><Relationship Id="rId4" Type="http://schemas.openxmlformats.org/officeDocument/2006/relationships/image" Target="../media/image37.png"/><Relationship Id="rId9" Type="http://schemas.openxmlformats.org/officeDocument/2006/relationships/image" Target="../media/image42.png"/><Relationship Id="rId14" Type="http://schemas.openxmlformats.org/officeDocument/2006/relationships/image" Target="../media/image47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gif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C0B27210-D0CA-4654-B3E3-9ABB4F178EA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6E0ADC8-5CD4-4261-B6F4-17FA60BF68F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746628" y="1783959"/>
            <a:ext cx="4645250" cy="2889114"/>
          </a:xfrm>
        </p:spPr>
        <p:txBody>
          <a:bodyPr anchor="b">
            <a:normAutofit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Beyond Vision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E7AE759-F654-42D7-ACAD-8A4DD3B92B4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746627" y="4750893"/>
            <a:ext cx="4645250" cy="1147863"/>
          </a:xfrm>
        </p:spPr>
        <p:txBody>
          <a:bodyPr anchor="t">
            <a:normAutofit fontScale="85000" lnSpcReduction="20000"/>
          </a:bodyPr>
          <a:lstStyle/>
          <a:p>
            <a:pPr algn="l"/>
            <a:r>
              <a:rPr lang="en-US" sz="3000" dirty="0">
                <a:solidFill>
                  <a:schemeClr val="bg1"/>
                </a:solidFill>
              </a:rPr>
              <a:t>Beniamin</a:t>
            </a: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Tech enthusiast &amp;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Hardware researcher</a:t>
            </a:r>
            <a:endParaRPr lang="en-US" sz="1900" b="0" i="0" u="none" strike="noStrike" cap="none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lvl="1" algn="l">
              <a:spcBef>
                <a:spcPts val="0"/>
              </a:spcBef>
            </a:pPr>
            <a:r>
              <a:rPr lang="en-US" sz="1900">
                <a:solidFill>
                  <a:schemeClr val="bg1"/>
                </a:solidFill>
              </a:rPr>
              <a:t>3nd</a:t>
            </a:r>
            <a:r>
              <a:rPr lang="en-US" sz="1900" b="0" i="0" u="none" strike="noStrike" cap="none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 year Computer engineering student</a:t>
            </a:r>
            <a:endParaRPr lang="en-US" sz="1900" b="0" i="0" u="none" strike="noStrike" cap="none" dirty="0">
              <a:solidFill>
                <a:schemeClr val="bg1"/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lvl="1" algn="l">
              <a:spcBef>
                <a:spcPts val="0"/>
              </a:spcBef>
            </a:pPr>
            <a:r>
              <a:rPr lang="en-US" sz="1900" dirty="0">
                <a:solidFill>
                  <a:schemeClr val="bg1"/>
                </a:solidFill>
                <a:latin typeface="Arial"/>
                <a:ea typeface="Cambria"/>
                <a:cs typeface="Arial"/>
                <a:sym typeface="Arial"/>
              </a:rPr>
              <a:t>Technical University of Cluj-Napoca</a:t>
            </a:r>
            <a:endParaRPr lang="en-US" sz="1900" dirty="0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marL="0" lvl="1" algn="l">
              <a:spcBef>
                <a:spcPts val="0"/>
              </a:spcBef>
            </a:pPr>
            <a:endParaRPr lang="en-US" sz="1900" b="0" i="0" u="none" strike="noStrike" cap="none" dirty="0">
              <a:solidFill>
                <a:schemeClr val="bg1"/>
              </a:solidFill>
              <a:latin typeface="Cambria"/>
              <a:ea typeface="Cambria"/>
              <a:cs typeface="Cambria"/>
              <a:sym typeface="Cambria"/>
            </a:endParaRPr>
          </a:p>
          <a:p>
            <a:pPr algn="l"/>
            <a:endParaRPr lang="en-US" sz="1900">
              <a:solidFill>
                <a:schemeClr val="bg1"/>
              </a:solidFill>
            </a:endParaRP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1DB7C82F-AB7E-4F0C-B829-FA1B9C41518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0" y="0"/>
            <a:ext cx="6172782" cy="6858000"/>
          </a:xfrm>
          <a:custGeom>
            <a:avLst/>
            <a:gdLst>
              <a:gd name="connsiteX0" fmla="*/ 6172782 w 6172782"/>
              <a:gd name="connsiteY0" fmla="*/ 0 h 6858000"/>
              <a:gd name="connsiteX1" fmla="*/ 69075 w 6172782"/>
              <a:gd name="connsiteY1" fmla="*/ 0 h 6858000"/>
              <a:gd name="connsiteX2" fmla="*/ 35131 w 6172782"/>
              <a:gd name="connsiteY2" fmla="*/ 267128 h 6858000"/>
              <a:gd name="connsiteX3" fmla="*/ 0 w 6172782"/>
              <a:gd name="connsiteY3" fmla="*/ 962845 h 6858000"/>
              <a:gd name="connsiteX4" fmla="*/ 3276103 w 6172782"/>
              <a:gd name="connsiteY4" fmla="*/ 6782205 h 6858000"/>
              <a:gd name="connsiteX5" fmla="*/ 3407923 w 6172782"/>
              <a:gd name="connsiteY5" fmla="*/ 6858000 h 6858000"/>
              <a:gd name="connsiteX6" fmla="*/ 6172782 w 6172782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172782" h="6858000">
                <a:moveTo>
                  <a:pt x="6172782" y="0"/>
                </a:moveTo>
                <a:lnTo>
                  <a:pt x="69075" y="0"/>
                </a:lnTo>
                <a:lnTo>
                  <a:pt x="35131" y="267128"/>
                </a:lnTo>
                <a:cubicBezTo>
                  <a:pt x="11901" y="495874"/>
                  <a:pt x="0" y="727970"/>
                  <a:pt x="0" y="962845"/>
                </a:cubicBezTo>
                <a:cubicBezTo>
                  <a:pt x="0" y="3429034"/>
                  <a:pt x="1312002" y="5588789"/>
                  <a:pt x="3276103" y="6782205"/>
                </a:cubicBezTo>
                <a:lnTo>
                  <a:pt x="3407923" y="6858000"/>
                </a:lnTo>
                <a:lnTo>
                  <a:pt x="6172782" y="6858000"/>
                </a:lnTo>
                <a:close/>
              </a:path>
            </a:pathLst>
          </a:custGeom>
          <a:solidFill>
            <a:schemeClr val="bg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0B66945-4967-4040-926D-DCA44313CDA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6024154" cy="6858000"/>
          </a:xfrm>
          <a:custGeom>
            <a:avLst/>
            <a:gdLst>
              <a:gd name="connsiteX0" fmla="*/ 0 w 6024154"/>
              <a:gd name="connsiteY0" fmla="*/ 0 h 6858000"/>
              <a:gd name="connsiteX1" fmla="*/ 5953780 w 6024154"/>
              <a:gd name="connsiteY1" fmla="*/ 0 h 6858000"/>
              <a:gd name="connsiteX2" fmla="*/ 5989880 w 6024154"/>
              <a:gd name="connsiteY2" fmla="*/ 284091 h 6858000"/>
              <a:gd name="connsiteX3" fmla="*/ 6024154 w 6024154"/>
              <a:gd name="connsiteY3" fmla="*/ 962844 h 6858000"/>
              <a:gd name="connsiteX4" fmla="*/ 2549934 w 6024154"/>
              <a:gd name="connsiteY4" fmla="*/ 6800152 h 6858000"/>
              <a:gd name="connsiteX5" fmla="*/ 2436987 w 6024154"/>
              <a:gd name="connsiteY5" fmla="*/ 6858000 h 6858000"/>
              <a:gd name="connsiteX6" fmla="*/ 0 w 6024154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024154" h="6858000">
                <a:moveTo>
                  <a:pt x="0" y="0"/>
                </a:moveTo>
                <a:lnTo>
                  <a:pt x="5953780" y="0"/>
                </a:lnTo>
                <a:lnTo>
                  <a:pt x="5989880" y="284091"/>
                </a:lnTo>
                <a:cubicBezTo>
                  <a:pt x="6012544" y="507260"/>
                  <a:pt x="6024154" y="733696"/>
                  <a:pt x="6024154" y="962844"/>
                </a:cubicBezTo>
                <a:cubicBezTo>
                  <a:pt x="6024154" y="3483472"/>
                  <a:pt x="4619336" y="5675986"/>
                  <a:pt x="2549934" y="6800152"/>
                </a:cubicBezTo>
                <a:lnTo>
                  <a:pt x="2436987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F886215-BBAB-4AE4-8C6F-F50082FC2BCC}"/>
              </a:ext>
            </a:extLst>
          </p:cNvPr>
          <p:cNvSpPr txBox="1"/>
          <p:nvPr/>
        </p:nvSpPr>
        <p:spPr>
          <a:xfrm>
            <a:off x="10748671" y="6133866"/>
            <a:ext cx="2195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Advisor:</a:t>
            </a:r>
          </a:p>
          <a:p>
            <a:r>
              <a:rPr lang="en-US" dirty="0">
                <a:solidFill>
                  <a:schemeClr val="bg1"/>
                </a:solidFill>
              </a:rPr>
              <a:t>Alin Grama</a:t>
            </a:r>
          </a:p>
        </p:txBody>
      </p:sp>
      <p:pic>
        <p:nvPicPr>
          <p:cNvPr id="12" name="Picture 11" descr="A person in a striped shirt&#10;&#10;Description generated with very high confidence">
            <a:extLst>
              <a:ext uri="{FF2B5EF4-FFF2-40B4-BE49-F238E27FC236}">
                <a16:creationId xmlns:a16="http://schemas.microsoft.com/office/drawing/2014/main" id="{39FD51C8-8004-48BB-AC8F-3444CD45EE6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122" y="197125"/>
            <a:ext cx="3167262" cy="4750893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</p:spTree>
    <p:extLst>
      <p:ext uri="{BB962C8B-B14F-4D97-AF65-F5344CB8AC3E}">
        <p14:creationId xmlns:p14="http://schemas.microsoft.com/office/powerpoint/2010/main" val="203302603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1514292" y="513612"/>
            <a:ext cx="9894133" cy="1031216"/>
          </a:xfrm>
          <a:prstGeom prst="ellipse">
            <a:avLst/>
          </a:prstGeom>
        </p:spPr>
        <p:txBody>
          <a:bodyPr spcFirstLastPara="1" vert="horz" lIns="91440" tIns="45720" rIns="91440" bIns="45720" rtlCol="0" anchor="b" anchorCtr="0">
            <a:normAutofit/>
          </a:bodyPr>
          <a:lstStyle/>
          <a:p>
            <a:pPr marL="0" marR="0" lvl="0" indent="0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400" b="0" i="0" u="none" strike="noStrike" cap="none">
                <a:latin typeface="+mj-lt"/>
                <a:ea typeface="+mj-ea"/>
                <a:cs typeface="+mj-cs"/>
                <a:sym typeface="Arial"/>
              </a:rPr>
              <a:t>Video Processing unit on Nexys Video</a:t>
            </a:r>
            <a:endParaRPr lang="en-US" sz="3400" b="0" i="0" u="none" strike="noStrike" cap="none">
              <a:latin typeface="+mj-lt"/>
              <a:ea typeface="+mj-ea"/>
              <a:cs typeface="+mj-cs"/>
              <a:sym typeface="Cambria"/>
            </a:endParaRPr>
          </a:p>
        </p:txBody>
      </p:sp>
      <p:sp>
        <p:nvSpPr>
          <p:cNvPr id="27" name="Freeform: Shape 22">
            <a:extLst>
              <a:ext uri="{FF2B5EF4-FFF2-40B4-BE49-F238E27FC236}">
                <a16:creationId xmlns:a16="http://schemas.microsoft.com/office/drawing/2014/main" id="{C607803A-4E99-444E-94F7-8785CDDF584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auto">
          <a:xfrm flipH="1" flipV="1">
            <a:off x="780154" y="1884045"/>
            <a:ext cx="3275668" cy="2853308"/>
          </a:xfrm>
          <a:custGeom>
            <a:avLst/>
            <a:gdLst>
              <a:gd name="connsiteX0" fmla="*/ 3275668 w 3275668"/>
              <a:gd name="connsiteY0" fmla="*/ 2853308 h 2853308"/>
              <a:gd name="connsiteX1" fmla="*/ 655 w 3275668"/>
              <a:gd name="connsiteY1" fmla="*/ 2853308 h 2853308"/>
              <a:gd name="connsiteX2" fmla="*/ 0 w 3275668"/>
              <a:gd name="connsiteY2" fmla="*/ 2467565 h 2853308"/>
              <a:gd name="connsiteX3" fmla="*/ 2869894 w 3275668"/>
              <a:gd name="connsiteY3" fmla="*/ 2468888 h 2853308"/>
              <a:gd name="connsiteX4" fmla="*/ 2869894 w 3275668"/>
              <a:gd name="connsiteY4" fmla="*/ 0 h 2853308"/>
              <a:gd name="connsiteX5" fmla="*/ 3275668 w 3275668"/>
              <a:gd name="connsiteY5" fmla="*/ 0 h 28533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3275668" h="2853308">
                <a:moveTo>
                  <a:pt x="3275668" y="2853308"/>
                </a:moveTo>
                <a:lnTo>
                  <a:pt x="655" y="2853308"/>
                </a:lnTo>
                <a:cubicBezTo>
                  <a:pt x="-655" y="2720171"/>
                  <a:pt x="1310" y="2600702"/>
                  <a:pt x="0" y="2467565"/>
                </a:cubicBezTo>
                <a:lnTo>
                  <a:pt x="2869894" y="2468888"/>
                </a:lnTo>
                <a:lnTo>
                  <a:pt x="2869894" y="0"/>
                </a:lnTo>
                <a:lnTo>
                  <a:pt x="3275668" y="0"/>
                </a:lnTo>
                <a:close/>
              </a:path>
            </a:pathLst>
          </a:custGeom>
          <a:solidFill>
            <a:srgbClr val="4C4C4C"/>
          </a:solidFill>
          <a:ln w="0">
            <a:noFill/>
            <a:prstDash val="solid"/>
            <a:round/>
            <a:headEnd/>
            <a:tailEnd/>
          </a:ln>
        </p:spPr>
      </p:sp>
      <p:sp>
        <p:nvSpPr>
          <p:cNvPr id="28" name="Freeform: Shape 24">
            <a:extLst>
              <a:ext uri="{FF2B5EF4-FFF2-40B4-BE49-F238E27FC236}">
                <a16:creationId xmlns:a16="http://schemas.microsoft.com/office/drawing/2014/main" id="{2989BE6A-C309-418E-8ADD-1616A980570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auto">
          <a:xfrm>
            <a:off x="4055822" y="3222529"/>
            <a:ext cx="3242952" cy="2828156"/>
          </a:xfrm>
          <a:custGeom>
            <a:avLst/>
            <a:gdLst>
              <a:gd name="connsiteX0" fmla="*/ 2837178 w 3242952"/>
              <a:gd name="connsiteY0" fmla="*/ 0 h 2828156"/>
              <a:gd name="connsiteX1" fmla="*/ 3242952 w 3242952"/>
              <a:gd name="connsiteY1" fmla="*/ 0 h 2828156"/>
              <a:gd name="connsiteX2" fmla="*/ 3242952 w 3242952"/>
              <a:gd name="connsiteY2" fmla="*/ 2828156 h 2828156"/>
              <a:gd name="connsiteX3" fmla="*/ 0 w 3242952"/>
              <a:gd name="connsiteY3" fmla="*/ 2828156 h 2828156"/>
              <a:gd name="connsiteX4" fmla="*/ 0 w 3242952"/>
              <a:gd name="connsiteY4" fmla="*/ 2442859 h 2828156"/>
              <a:gd name="connsiteX5" fmla="*/ 2837178 w 3242952"/>
              <a:gd name="connsiteY5" fmla="*/ 2443295 h 28281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3242952" h="2828156">
                <a:moveTo>
                  <a:pt x="2837178" y="0"/>
                </a:moveTo>
                <a:lnTo>
                  <a:pt x="3242952" y="0"/>
                </a:lnTo>
                <a:lnTo>
                  <a:pt x="3242952" y="2828156"/>
                </a:lnTo>
                <a:lnTo>
                  <a:pt x="0" y="2828156"/>
                </a:lnTo>
                <a:lnTo>
                  <a:pt x="0" y="2442859"/>
                </a:lnTo>
                <a:lnTo>
                  <a:pt x="2837178" y="2443295"/>
                </a:lnTo>
                <a:close/>
              </a:path>
            </a:pathLst>
          </a:custGeom>
          <a:solidFill>
            <a:srgbClr val="4C4C4C"/>
          </a:solidFill>
          <a:ln w="0">
            <a:noFill/>
            <a:prstDash val="solid"/>
            <a:round/>
            <a:headEnd/>
            <a:tailEnd/>
          </a:ln>
        </p:spPr>
        <p:txBody>
          <a:bodyPr wrap="square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7390701" y="2279151"/>
            <a:ext cx="4714613" cy="434815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800" dirty="0"/>
              <a:t>Hardware accelerated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800" dirty="0"/>
              <a:t>Receives data via </a:t>
            </a:r>
            <a:r>
              <a:rPr lang="en-US" sz="2800" dirty="0">
                <a:solidFill>
                  <a:schemeClr val="accent2"/>
                </a:solidFill>
              </a:rPr>
              <a:t>HDMI in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800" dirty="0"/>
              <a:t>Broadcast it via </a:t>
            </a:r>
            <a:r>
              <a:rPr lang="en-US" sz="2800" dirty="0">
                <a:solidFill>
                  <a:schemeClr val="accent2"/>
                </a:solidFill>
              </a:rPr>
              <a:t>HDMI out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800" dirty="0"/>
              <a:t>Custom Linux Kernel driver to interact with VDMA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chemeClr val="accent2"/>
                </a:solidFill>
              </a:rPr>
              <a:t>&gt; 36 times faster</a:t>
            </a:r>
          </a:p>
        </p:txBody>
      </p:sp>
      <p:graphicFrame>
        <p:nvGraphicFramePr>
          <p:cNvPr id="7" name="Object 10">
            <a:extLst>
              <a:ext uri="{FF2B5EF4-FFF2-40B4-BE49-F238E27FC236}">
                <a16:creationId xmlns:a16="http://schemas.microsoft.com/office/drawing/2014/main" id="{F4681059-611A-429F-8109-439AE5E1AD3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627736553"/>
              </p:ext>
            </p:extLst>
          </p:nvPr>
        </p:nvGraphicFramePr>
        <p:xfrm>
          <a:off x="1521131" y="2337874"/>
          <a:ext cx="5069382" cy="32827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68651706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6753252F-4873-4F63-801D-CC719279A7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047C8CCB-F95D-4249-92DD-651249D3535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2013557" cy="6858000"/>
          </a:xfrm>
          <a:prstGeom prst="rect">
            <a:avLst/>
          </a:prstGeom>
          <a:solidFill>
            <a:srgbClr val="7F7F7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640080" y="2074363"/>
            <a:ext cx="2752354" cy="2709275"/>
          </a:xfrm>
          <a:prstGeom prst="ellipse">
            <a:avLst/>
          </a:prstGeom>
          <a:solidFill>
            <a:srgbClr val="262626"/>
          </a:solidFill>
          <a:ln w="174625" cmpd="thinThick">
            <a:solidFill>
              <a:srgbClr val="262626"/>
            </a:solidFill>
          </a:ln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marR="0" lvl="0" indent="0" algn="ctr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2600" b="0" i="0" u="none" strike="noStrike" kern="1200" cap="none">
                <a:solidFill>
                  <a:srgbClr val="FFFFFF"/>
                </a:solidFill>
                <a:latin typeface="+mj-lt"/>
                <a:ea typeface="+mj-ea"/>
                <a:cs typeface="+mj-cs"/>
                <a:sym typeface="Arial"/>
              </a:rPr>
              <a:t>So how does it work?</a:t>
            </a:r>
            <a:endParaRPr lang="en-US" sz="2600" b="0" i="0" u="none" strike="noStrike" kern="1200" cap="none">
              <a:solidFill>
                <a:srgbClr val="FFFFFF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971D482-FC87-4F68-BABC-CD9057E1BAC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38600" y="1198964"/>
            <a:ext cx="7188199" cy="4456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88024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">
            <a:extLst>
              <a:ext uri="{FF2B5EF4-FFF2-40B4-BE49-F238E27FC236}">
                <a16:creationId xmlns:a16="http://schemas.microsoft.com/office/drawing/2014/main" id="{B63096D4-385F-4F3F-B6AE-DCE3A80D22D1}"/>
              </a:ext>
            </a:extLst>
          </p:cNvPr>
          <p:cNvSpPr>
            <a:spLocks noChangeArrowheads="1"/>
          </p:cNvSpPr>
          <p:nvPr/>
        </p:nvSpPr>
        <p:spPr bwMode="auto">
          <a:xfrm>
            <a:off x="3248025" y="135255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6" name="Object 4">
            <a:extLst>
              <a:ext uri="{FF2B5EF4-FFF2-40B4-BE49-F238E27FC236}">
                <a16:creationId xmlns:a16="http://schemas.microsoft.com/office/drawing/2014/main" id="{298A9ADB-DDB2-43EE-A554-0831640B75B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00481074"/>
              </p:ext>
            </p:extLst>
          </p:nvPr>
        </p:nvGraphicFramePr>
        <p:xfrm>
          <a:off x="551543" y="1716200"/>
          <a:ext cx="3994150" cy="42799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9" name="Shape 276">
            <a:extLst>
              <a:ext uri="{FF2B5EF4-FFF2-40B4-BE49-F238E27FC236}">
                <a16:creationId xmlns:a16="http://schemas.microsoft.com/office/drawing/2014/main" id="{82EFAA2C-4A53-4907-8DDA-631BB2ED242C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1904302" y="312401"/>
            <a:ext cx="8665826" cy="6765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GB" dirty="0">
                <a:solidFill>
                  <a:srgbClr val="FFFFFF"/>
                </a:solidFill>
              </a:rPr>
              <a:t>Performance 	</a:t>
            </a:r>
            <a:r>
              <a:rPr lang="en-GB" dirty="0">
                <a:solidFill>
                  <a:schemeClr val="accent2"/>
                </a:solidFill>
              </a:rPr>
              <a:t>&gt; 300% faster</a:t>
            </a:r>
            <a:endParaRPr dirty="0">
              <a:solidFill>
                <a:schemeClr val="accent2"/>
              </a:solidFill>
            </a:endParaRPr>
          </a:p>
        </p:txBody>
      </p:sp>
      <p:sp>
        <p:nvSpPr>
          <p:cNvPr id="10" name="Rectangle 5">
            <a:extLst>
              <a:ext uri="{FF2B5EF4-FFF2-40B4-BE49-F238E27FC236}">
                <a16:creationId xmlns:a16="http://schemas.microsoft.com/office/drawing/2014/main" id="{1913BE1A-CF93-4AB1-8ED0-8383CECCFFBE}"/>
              </a:ext>
            </a:extLst>
          </p:cNvPr>
          <p:cNvSpPr>
            <a:spLocks noChangeArrowheads="1"/>
          </p:cNvSpPr>
          <p:nvPr/>
        </p:nvSpPr>
        <p:spPr bwMode="auto">
          <a:xfrm>
            <a:off x="968375" y="312401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2" name="Object 10">
            <a:extLst>
              <a:ext uri="{FF2B5EF4-FFF2-40B4-BE49-F238E27FC236}">
                <a16:creationId xmlns:a16="http://schemas.microsoft.com/office/drawing/2014/main" id="{9EDCBDF1-FE0D-42EB-90F1-BE3F5C14F82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226912407"/>
              </p:ext>
            </p:extLst>
          </p:nvPr>
        </p:nvGraphicFramePr>
        <p:xfrm>
          <a:off x="5700486" y="1767000"/>
          <a:ext cx="6252028" cy="417829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92596615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lowchart: Document 14">
            <a:extLst>
              <a:ext uri="{FF2B5EF4-FFF2-40B4-BE49-F238E27FC236}">
                <a16:creationId xmlns:a16="http://schemas.microsoft.com/office/drawing/2014/main" id="{D12DDE76-C203-4047-9998-63900085B5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Shape 276">
            <a:extLst>
              <a:ext uri="{FF2B5EF4-FFF2-40B4-BE49-F238E27FC236}">
                <a16:creationId xmlns:a16="http://schemas.microsoft.com/office/drawing/2014/main" id="{3E1D97FC-9E03-47C9-A938-DAE038DB4EA8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  <a:prstGeom prst="rect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lvl="0" indent="0">
              <a:spcAft>
                <a:spcPts val="0"/>
              </a:spcAft>
            </a:pPr>
            <a:r>
              <a:rPr lang="en-US" sz="3200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Comparison</a:t>
            </a:r>
          </a:p>
        </p:txBody>
      </p:sp>
      <p:graphicFrame>
        <p:nvGraphicFramePr>
          <p:cNvPr id="9" name="Shape 277">
            <a:extLst>
              <a:ext uri="{FF2B5EF4-FFF2-40B4-BE49-F238E27FC236}">
                <a16:creationId xmlns:a16="http://schemas.microsoft.com/office/drawing/2014/main" id="{FC89E78F-AD4E-4E1E-BBE6-F6514093E21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61104629"/>
              </p:ext>
            </p:extLst>
          </p:nvPr>
        </p:nvGraphicFramePr>
        <p:xfrm>
          <a:off x="4207933" y="1154471"/>
          <a:ext cx="7347539" cy="4550037"/>
        </p:xfrm>
        <a:graphic>
          <a:graphicData uri="http://schemas.openxmlformats.org/drawingml/2006/table">
            <a:tbl>
              <a:tblPr>
                <a:noFill/>
              </a:tblPr>
              <a:tblGrid>
                <a:gridCol w="2710079">
                  <a:extLst>
                    <a:ext uri="{9D8B030D-6E8A-4147-A177-3AD203B41FA5}">
                      <a16:colId xmlns:a16="http://schemas.microsoft.com/office/drawing/2014/main" val="3889809729"/>
                    </a:ext>
                  </a:extLst>
                </a:gridCol>
                <a:gridCol w="229571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34175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2289021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800" b="1">
                        <a:solidFill>
                          <a:schemeClr val="tx1"/>
                        </a:solidFill>
                      </a:endParaRP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 b="1">
                          <a:solidFill>
                            <a:schemeClr val="tx1"/>
                          </a:solidFill>
                        </a:rPr>
                        <a:t>Medium computer</a:t>
                      </a:r>
                    </a:p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</a:rPr>
                        <a:t>CPU + Memory + Motherboard + Power supply + Storage + Case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 b="1">
                          <a:solidFill>
                            <a:srgbClr val="FFFF00"/>
                          </a:solidFill>
                        </a:rPr>
                        <a:t>ARM/FPGA</a:t>
                      </a:r>
                    </a:p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GB" sz="2700">
                        <a:solidFill>
                          <a:srgbClr val="FFFF00"/>
                        </a:solidFill>
                      </a:endParaRP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Price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 dirty="0">
                          <a:solidFill>
                            <a:schemeClr val="tx1"/>
                          </a:solidFill>
                        </a:rPr>
                        <a:t>&gt; 500 $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2700" dirty="0">
                          <a:solidFill>
                            <a:srgbClr val="FFFF00"/>
                          </a:solidFill>
                        </a:rPr>
                        <a:t>400 $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Power on load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&gt;300W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rgbClr val="FFFF00"/>
                          </a:solidFill>
                        </a:rPr>
                        <a:t>4.1W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528279917"/>
                  </a:ext>
                </a:extLst>
              </a:tr>
              <a:tr h="753672"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>
                          <a:solidFill>
                            <a:schemeClr val="tx1"/>
                          </a:solidFill>
                        </a:rPr>
                        <a:t>Monthly cost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 dirty="0">
                          <a:solidFill>
                            <a:schemeClr val="tx1"/>
                          </a:solidFill>
                        </a:rPr>
                        <a:t>&gt; 50 $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2700" dirty="0">
                          <a:solidFill>
                            <a:srgbClr val="FFFF00"/>
                          </a:solidFill>
                        </a:rPr>
                        <a:t>2 $</a:t>
                      </a:r>
                    </a:p>
                  </a:txBody>
                  <a:tcPr marL="139554" marR="139554" marT="139554" marB="13955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114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0971202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Rectangle 7">
            <a:extLst>
              <a:ext uri="{FF2B5EF4-FFF2-40B4-BE49-F238E27FC236}">
                <a16:creationId xmlns:a16="http://schemas.microsoft.com/office/drawing/2014/main" id="{8D70B121-56F4-4848-B38B-182089D909F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21564" y="320040"/>
            <a:ext cx="11548872" cy="6217920"/>
          </a:xfrm>
          <a:prstGeom prst="rect">
            <a:avLst/>
          </a:prstGeom>
          <a:solidFill>
            <a:schemeClr val="tx1">
              <a:alpha val="8000"/>
            </a:schemeClr>
          </a:solidFill>
          <a:ln w="127000" cap="sq" cmpd="thinThick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27594E9-0B87-4897-ABD0-122B25B3F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59437" y="957695"/>
            <a:ext cx="3494362" cy="4930246"/>
          </a:xfrm>
        </p:spPr>
        <p:txBody>
          <a:bodyPr>
            <a:normAutofit/>
          </a:bodyPr>
          <a:lstStyle/>
          <a:p>
            <a:pPr algn="r"/>
            <a:r>
              <a:rPr lang="en-GB" dirty="0">
                <a:solidFill>
                  <a:schemeClr val="accent1"/>
                </a:solidFill>
                <a:latin typeface="Arial"/>
                <a:ea typeface="Arial"/>
                <a:cs typeface="Arial"/>
                <a:sym typeface="Arial"/>
              </a:rPr>
              <a:t>Main </a:t>
            </a:r>
            <a:r>
              <a:rPr lang="en-GB" dirty="0">
                <a:solidFill>
                  <a:schemeClr val="accent2"/>
                </a:solidFill>
                <a:latin typeface="Arial"/>
                <a:ea typeface="Arial"/>
                <a:cs typeface="Arial"/>
                <a:sym typeface="Arial"/>
              </a:rPr>
              <a:t>features</a:t>
            </a:r>
            <a:r>
              <a:rPr lang="en-GB" dirty="0">
                <a:solidFill>
                  <a:schemeClr val="accent1"/>
                </a:solidFill>
                <a:latin typeface="Arial"/>
                <a:ea typeface="Arial"/>
                <a:cs typeface="Arial"/>
                <a:sym typeface="Arial"/>
              </a:rPr>
              <a:t>?</a:t>
            </a:r>
            <a:br>
              <a:rPr lang="en-GB" dirty="0">
                <a:solidFill>
                  <a:schemeClr val="accent1"/>
                </a:solidFill>
                <a:latin typeface="Cambria"/>
                <a:ea typeface="Cambria"/>
                <a:cs typeface="Cambria"/>
                <a:sym typeface="Cambria"/>
              </a:rPr>
            </a:br>
            <a:endParaRPr lang="en-US" dirty="0">
              <a:solidFill>
                <a:schemeClr val="accent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CED41EB-AE2C-47E7-AE7F-824A89818E8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57268" y="637305"/>
            <a:ext cx="5776798" cy="2329829"/>
          </a:xfrm>
        </p:spPr>
        <p:txBody>
          <a:bodyPr anchor="ctr">
            <a:normAutofit/>
          </a:bodyPr>
          <a:lstStyle/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US" sz="2400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Hardware accelerated:</a:t>
            </a: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ryptography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algorithms (RSA)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Image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Steganography</a:t>
            </a: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buFont typeface="Symbol" panose="05050102010706020507" pitchFamily="18" charset="2"/>
              <a:buChar char=""/>
            </a:pPr>
            <a:r>
              <a:rPr lang="en-US" dirty="0">
                <a:solidFill>
                  <a:schemeClr val="accent2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Sound</a:t>
            </a:r>
            <a:r>
              <a:rPr lang="en-US" dirty="0"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 Steganography</a:t>
            </a:r>
          </a:p>
          <a:p>
            <a:pPr marL="800100" lvl="1" indent="-342900">
              <a:buFont typeface="Symbol" panose="05050102010706020507" pitchFamily="18" charset="2"/>
              <a:buChar char=""/>
            </a:pPr>
            <a:endParaRPr lang="en-US" dirty="0">
              <a:latin typeface="Arial" panose="020B060402020202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sz="2400" dirty="0"/>
          </a:p>
        </p:txBody>
      </p:sp>
      <p:cxnSp>
        <p:nvCxnSpPr>
          <p:cNvPr id="40" name="Straight Connector 9">
            <a:extLst>
              <a:ext uri="{FF2B5EF4-FFF2-40B4-BE49-F238E27FC236}">
                <a16:creationId xmlns:a16="http://schemas.microsoft.com/office/drawing/2014/main" id="{2D72A2C9-F3CA-4216-8BAD-FA4C970C3C4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548571" y="2209249"/>
            <a:ext cx="0" cy="2506648"/>
          </a:xfrm>
          <a:prstGeom prst="line">
            <a:avLst/>
          </a:prstGeom>
          <a:ln w="19050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8" name="Picture 37">
            <a:extLst>
              <a:ext uri="{FF2B5EF4-FFF2-40B4-BE49-F238E27FC236}">
                <a16:creationId xmlns:a16="http://schemas.microsoft.com/office/drawing/2014/main" id="{F6635897-79E3-4348-ACAB-1B5D7611576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360" y="2490524"/>
            <a:ext cx="6631415" cy="37301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449152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00DBF2-C59E-411C-866E-D89ED2C948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70204" y="606564"/>
            <a:ext cx="10451592" cy="1325563"/>
          </a:xfrm>
        </p:spPr>
        <p:txBody>
          <a:bodyPr anchor="ctr">
            <a:normAutofit/>
          </a:bodyPr>
          <a:lstStyle/>
          <a:p>
            <a:pPr lvl="0">
              <a:spcBef>
                <a:spcPts val="0"/>
              </a:spcBef>
            </a:pPr>
            <a:r>
              <a:rPr lang="en-GB" dirty="0">
                <a:latin typeface="Arial"/>
                <a:ea typeface="Arial"/>
                <a:cs typeface="Arial"/>
                <a:sym typeface="Arial"/>
              </a:rPr>
              <a:t>Main </a:t>
            </a:r>
            <a:r>
              <a:rPr lang="en-GB" dirty="0">
                <a:solidFill>
                  <a:schemeClr val="accent2"/>
                </a:solidFill>
                <a:latin typeface="Arial"/>
                <a:ea typeface="Arial"/>
                <a:cs typeface="Arial"/>
                <a:sym typeface="Arial"/>
              </a:rPr>
              <a:t>features</a:t>
            </a:r>
            <a:r>
              <a:rPr lang="en-GB" dirty="0">
                <a:latin typeface="Arial"/>
                <a:ea typeface="Arial"/>
                <a:cs typeface="Arial"/>
                <a:sym typeface="Arial"/>
              </a:rPr>
              <a:t>?</a:t>
            </a:r>
            <a:endParaRPr lang="en-GB" dirty="0"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A5711A0E-A428-4ED1-96CB-33D69FD842E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00874" y="2043803"/>
            <a:ext cx="10190252" cy="80683"/>
          </a:xfrm>
          <a:prstGeom prst="rect">
            <a:avLst/>
          </a:prstGeom>
          <a:solidFill>
            <a:schemeClr val="tx1">
              <a:lumMod val="50000"/>
              <a:lumOff val="50000"/>
              <a:alpha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6" name="Content Placeholder 2">
            <a:extLst>
              <a:ext uri="{FF2B5EF4-FFF2-40B4-BE49-F238E27FC236}">
                <a16:creationId xmlns:a16="http://schemas.microsoft.com/office/drawing/2014/main" id="{0CD299E0-C6CF-4242-AC6C-634B7178037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35242770"/>
              </p:ext>
            </p:extLst>
          </p:nvPr>
        </p:nvGraphicFramePr>
        <p:xfrm>
          <a:off x="1000874" y="2385390"/>
          <a:ext cx="10190252" cy="36178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9723094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5AB547-FD31-4408-849A-405B5C3FFC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>
            <a:normAutofit/>
          </a:bodyPr>
          <a:lstStyle/>
          <a:p>
            <a:r>
              <a:rPr lang="en-GB" dirty="0">
                <a:latin typeface="Arial"/>
                <a:ea typeface="Arial"/>
                <a:cs typeface="Arial"/>
                <a:sym typeface="Arial"/>
              </a:rPr>
              <a:t>Main </a:t>
            </a:r>
            <a:r>
              <a:rPr lang="en-GB" dirty="0">
                <a:solidFill>
                  <a:schemeClr val="accent2"/>
                </a:solidFill>
                <a:latin typeface="Arial"/>
                <a:ea typeface="Arial"/>
                <a:cs typeface="Arial"/>
                <a:sym typeface="Arial"/>
              </a:rPr>
              <a:t>features</a:t>
            </a:r>
            <a:r>
              <a:rPr lang="en-GB" dirty="0">
                <a:latin typeface="Arial"/>
                <a:ea typeface="Arial"/>
                <a:cs typeface="Arial"/>
                <a:sym typeface="Arial"/>
              </a:rPr>
              <a:t>?</a:t>
            </a:r>
            <a:endParaRPr lang="en-US" dirty="0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7B6DA265-C319-4A20-8B3D-982C6EE8D52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603092757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04091232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3" name="Shape 323"/>
          <p:cNvSpPr txBox="1"/>
          <p:nvPr/>
        </p:nvSpPr>
        <p:spPr>
          <a:xfrm>
            <a:off x="491460" y="68289"/>
            <a:ext cx="11360640" cy="7636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r>
              <a:rPr lang="en-GB" sz="3733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Development Stages</a:t>
            </a:r>
            <a:endParaRPr sz="5867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70EF4E1-1057-4FDB-91CA-946FFF183A34}"/>
              </a:ext>
            </a:extLst>
          </p:cNvPr>
          <p:cNvSpPr/>
          <p:nvPr/>
        </p:nvSpPr>
        <p:spPr>
          <a:xfrm>
            <a:off x="491460" y="998291"/>
            <a:ext cx="1663405" cy="229071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Exploring possibilities</a:t>
            </a:r>
          </a:p>
          <a:p>
            <a:pPr algn="ctr"/>
            <a:r>
              <a:rPr lang="en-US" sz="2400" dirty="0">
                <a:solidFill>
                  <a:srgbClr val="FFFF00"/>
                </a:solidFill>
              </a:rPr>
              <a:t>and research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E3A4B60-F588-4A55-B2EF-E13E306433EC}"/>
              </a:ext>
            </a:extLst>
          </p:cNvPr>
          <p:cNvSpPr/>
          <p:nvPr/>
        </p:nvSpPr>
        <p:spPr>
          <a:xfrm>
            <a:off x="2958215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Develop HDMI processing unit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A767988-7FE7-4CC5-9599-0286E694F1E9}"/>
              </a:ext>
            </a:extLst>
          </p:cNvPr>
          <p:cNvSpPr/>
          <p:nvPr/>
        </p:nvSpPr>
        <p:spPr>
          <a:xfrm>
            <a:off x="5264298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Build hardware for Linux Kern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6C4C56A-850A-4011-8403-8039394C3029}"/>
              </a:ext>
            </a:extLst>
          </p:cNvPr>
          <p:cNvSpPr/>
          <p:nvPr/>
        </p:nvSpPr>
        <p:spPr>
          <a:xfrm>
            <a:off x="7669618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rgbClr val="FFFF00"/>
              </a:solidFill>
            </a:endParaRPr>
          </a:p>
          <a:p>
            <a:pPr algn="ctr"/>
            <a:r>
              <a:rPr lang="en-US" sz="2400" dirty="0">
                <a:solidFill>
                  <a:srgbClr val="FFFF00"/>
                </a:solidFill>
              </a:rPr>
              <a:t>Modifying and compiling Linux</a:t>
            </a:r>
          </a:p>
          <a:p>
            <a:pPr algn="ctr"/>
            <a:endParaRPr lang="en-US" sz="2400" dirty="0">
              <a:solidFill>
                <a:srgbClr val="FFFF00"/>
              </a:solidFill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7582794-6C27-495C-9A85-505590A281A4}"/>
              </a:ext>
            </a:extLst>
          </p:cNvPr>
          <p:cNvSpPr/>
          <p:nvPr/>
        </p:nvSpPr>
        <p:spPr>
          <a:xfrm>
            <a:off x="10037135" y="998291"/>
            <a:ext cx="1663405" cy="22907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Develop Linux module to work with HDMI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3379F5B-6795-492B-8BC4-3A8628699096}"/>
              </a:ext>
            </a:extLst>
          </p:cNvPr>
          <p:cNvSpPr/>
          <p:nvPr/>
        </p:nvSpPr>
        <p:spPr>
          <a:xfrm>
            <a:off x="491460" y="3825379"/>
            <a:ext cx="1663405" cy="276836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Create hardware modules for encryption and decryption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461211F3-A10F-49D0-9266-E864127C95E3}"/>
              </a:ext>
            </a:extLst>
          </p:cNvPr>
          <p:cNvSpPr/>
          <p:nvPr/>
        </p:nvSpPr>
        <p:spPr>
          <a:xfrm>
            <a:off x="2958215" y="3825379"/>
            <a:ext cx="1663405" cy="273807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Create hardware modules for random generator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90C2D9E-661C-4445-965E-5EA2500A9D2C}"/>
              </a:ext>
            </a:extLst>
          </p:cNvPr>
          <p:cNvSpPr/>
          <p:nvPr/>
        </p:nvSpPr>
        <p:spPr>
          <a:xfrm>
            <a:off x="5264298" y="3825368"/>
            <a:ext cx="1663405" cy="273808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Web service 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80BCA48-F66B-4DD2-8549-D9CB87C033F9}"/>
              </a:ext>
            </a:extLst>
          </p:cNvPr>
          <p:cNvSpPr/>
          <p:nvPr/>
        </p:nvSpPr>
        <p:spPr>
          <a:xfrm>
            <a:off x="7669618" y="3844271"/>
            <a:ext cx="1793164" cy="270027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FFFF00"/>
                </a:solidFill>
              </a:rPr>
              <a:t>Presentation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2374313-3A0B-4FF3-8BD0-C2B2E73F689E}"/>
              </a:ext>
            </a:extLst>
          </p:cNvPr>
          <p:cNvSpPr/>
          <p:nvPr/>
        </p:nvSpPr>
        <p:spPr>
          <a:xfrm>
            <a:off x="10037135" y="3825368"/>
            <a:ext cx="1663405" cy="271917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solidFill>
                  <a:srgbClr val="FFFF00"/>
                </a:solidFill>
              </a:rPr>
              <a:t>Refactoring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86BA119B-B391-4593-BB7D-64D021D604C0}"/>
              </a:ext>
            </a:extLst>
          </p:cNvPr>
          <p:cNvCxnSpPr>
            <a:cxnSpLocks/>
            <a:stCxn id="2" idx="3"/>
            <a:endCxn id="5" idx="1"/>
          </p:cNvCxnSpPr>
          <p:nvPr/>
        </p:nvCxnSpPr>
        <p:spPr>
          <a:xfrm>
            <a:off x="2154865" y="2143648"/>
            <a:ext cx="80335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4815F62A-9250-4545-8DD4-E2097444895B}"/>
              </a:ext>
            </a:extLst>
          </p:cNvPr>
          <p:cNvCxnSpPr>
            <a:cxnSpLocks/>
            <a:stCxn id="5" idx="3"/>
            <a:endCxn id="6" idx="1"/>
          </p:cNvCxnSpPr>
          <p:nvPr/>
        </p:nvCxnSpPr>
        <p:spPr>
          <a:xfrm>
            <a:off x="4621620" y="2143648"/>
            <a:ext cx="642678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1DE59C25-4429-4FD8-9C2D-00D708CA4F8F}"/>
              </a:ext>
            </a:extLst>
          </p:cNvPr>
          <p:cNvCxnSpPr>
            <a:cxnSpLocks/>
            <a:stCxn id="6" idx="3"/>
            <a:endCxn id="7" idx="1"/>
          </p:cNvCxnSpPr>
          <p:nvPr/>
        </p:nvCxnSpPr>
        <p:spPr>
          <a:xfrm>
            <a:off x="6927703" y="2143648"/>
            <a:ext cx="74191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ECB27ED9-1CC9-4E31-91D5-96879F28EFA8}"/>
              </a:ext>
            </a:extLst>
          </p:cNvPr>
          <p:cNvCxnSpPr>
            <a:cxnSpLocks/>
            <a:stCxn id="7" idx="3"/>
            <a:endCxn id="8" idx="1"/>
          </p:cNvCxnSpPr>
          <p:nvPr/>
        </p:nvCxnSpPr>
        <p:spPr>
          <a:xfrm>
            <a:off x="9333023" y="2143648"/>
            <a:ext cx="704112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C1A1584-BB2B-462E-95B2-E849B49F77CE}"/>
              </a:ext>
            </a:extLst>
          </p:cNvPr>
          <p:cNvCxnSpPr/>
          <p:nvPr/>
        </p:nvCxnSpPr>
        <p:spPr>
          <a:xfrm>
            <a:off x="2154865" y="5131981"/>
            <a:ext cx="853440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67ED4F9F-3F8D-4E13-BF8A-EE27B1881035}"/>
              </a:ext>
            </a:extLst>
          </p:cNvPr>
          <p:cNvCxnSpPr>
            <a:cxnSpLocks/>
          </p:cNvCxnSpPr>
          <p:nvPr/>
        </p:nvCxnSpPr>
        <p:spPr>
          <a:xfrm>
            <a:off x="4621620" y="5131981"/>
            <a:ext cx="642677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2F28235C-10B7-4278-B80B-0DCC5E4E4131}"/>
              </a:ext>
            </a:extLst>
          </p:cNvPr>
          <p:cNvCxnSpPr>
            <a:cxnSpLocks/>
          </p:cNvCxnSpPr>
          <p:nvPr/>
        </p:nvCxnSpPr>
        <p:spPr>
          <a:xfrm>
            <a:off x="6927703" y="5113079"/>
            <a:ext cx="741915" cy="18903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1C4A855F-5C3A-4E1F-9314-4EFEB772BA61}"/>
              </a:ext>
            </a:extLst>
          </p:cNvPr>
          <p:cNvCxnSpPr>
            <a:cxnSpLocks/>
          </p:cNvCxnSpPr>
          <p:nvPr/>
        </p:nvCxnSpPr>
        <p:spPr>
          <a:xfrm>
            <a:off x="9462782" y="5113079"/>
            <a:ext cx="574353" cy="1890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50E2027E-0800-44C3-AE09-DF6DF14F96D1}"/>
              </a:ext>
            </a:extLst>
          </p:cNvPr>
          <p:cNvCxnSpPr>
            <a:cxnSpLocks/>
            <a:stCxn id="8" idx="3"/>
            <a:endCxn id="9" idx="1"/>
          </p:cNvCxnSpPr>
          <p:nvPr/>
        </p:nvCxnSpPr>
        <p:spPr>
          <a:xfrm flipH="1">
            <a:off x="491460" y="2143648"/>
            <a:ext cx="11209080" cy="3065915"/>
          </a:xfrm>
          <a:prstGeom prst="bentConnector5">
            <a:avLst>
              <a:gd name="adj1" fmla="val -2039"/>
              <a:gd name="adj2" fmla="val 46105"/>
              <a:gd name="adj3" fmla="val 102039"/>
            </a:avLst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180421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925" name="OTLSHAPE_T_fe82a054eb724851a93f6a606432bfac_HorizontalConnector1"/>
          <p:cNvCxnSpPr>
            <a:cxnSpLocks/>
            <a:endCxn id="5984" idx="1"/>
          </p:cNvCxnSpPr>
          <p:nvPr>
            <p:custDataLst>
              <p:tags r:id="rId2"/>
            </p:custDataLst>
          </p:nvPr>
        </p:nvCxnSpPr>
        <p:spPr>
          <a:xfrm flipV="1">
            <a:off x="101149" y="6654600"/>
            <a:ext cx="7546242" cy="391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4" name="OTLSHAPE_T_23b42cadd9bc437fb739c68c62737c3a_HorizontalConnector1"/>
          <p:cNvCxnSpPr>
            <a:cxnSpLocks/>
            <a:endCxn id="5976" idx="1"/>
          </p:cNvCxnSpPr>
          <p:nvPr>
            <p:custDataLst>
              <p:tags r:id="rId3"/>
            </p:custDataLst>
          </p:nvPr>
        </p:nvCxnSpPr>
        <p:spPr>
          <a:xfrm>
            <a:off x="117237" y="6018281"/>
            <a:ext cx="6717903" cy="346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>
            <a:cxnSpLocks/>
            <a:endCxn id="5968" idx="1"/>
          </p:cNvCxnSpPr>
          <p:nvPr>
            <p:custDataLst>
              <p:tags r:id="rId4"/>
            </p:custDataLst>
          </p:nvPr>
        </p:nvCxnSpPr>
        <p:spPr>
          <a:xfrm>
            <a:off x="117237" y="5750194"/>
            <a:ext cx="4809580" cy="4055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>
            <a:cxnSpLocks/>
            <a:endCxn id="5960" idx="1"/>
          </p:cNvCxnSpPr>
          <p:nvPr>
            <p:custDataLst>
              <p:tags r:id="rId5"/>
            </p:custDataLst>
          </p:nvPr>
        </p:nvCxnSpPr>
        <p:spPr>
          <a:xfrm>
            <a:off x="123937" y="5497981"/>
            <a:ext cx="3607258" cy="324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>
            <a:cxnSpLocks/>
            <a:endCxn id="5952" idx="1"/>
          </p:cNvCxnSpPr>
          <p:nvPr>
            <p:custDataLst>
              <p:tags r:id="rId6"/>
            </p:custDataLst>
          </p:nvPr>
        </p:nvCxnSpPr>
        <p:spPr>
          <a:xfrm>
            <a:off x="101149" y="5197744"/>
            <a:ext cx="16411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9" name="OTLSHAPE_M_c4141af3ac38465cb53fcc7f7a4aa9f5_Connector1"/>
          <p:cNvCxnSpPr/>
          <p:nvPr>
            <p:custDataLst>
              <p:tags r:id="rId7"/>
            </p:custDataLst>
          </p:nvPr>
        </p:nvCxnSpPr>
        <p:spPr>
          <a:xfrm>
            <a:off x="10761027" y="3733981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8" name="OTLSHAPE_M_04072b436b4048c09d492665495c5db4_Connector1"/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5082706" y="3923443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6" name="OTLSHAPE_M_6ae31c99f6864aae840de110566ea63d_Connector1"/>
          <p:cNvCxnSpPr/>
          <p:nvPr>
            <p:custDataLst>
              <p:tags r:id="rId9"/>
            </p:custDataLst>
          </p:nvPr>
        </p:nvCxnSpPr>
        <p:spPr>
          <a:xfrm>
            <a:off x="936937" y="3755056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7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5229" y="4227955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07224" y="422692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889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29555" y="4175955"/>
            <a:ext cx="10477663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929553" y="4480755"/>
            <a:ext cx="10015623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10888026" y="457822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10775384" y="469674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3055" y="4273428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3087051" y="425095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5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3194957" y="426792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5896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5289306" y="422692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7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5389943" y="426290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5898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7279455" y="423856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9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7344669" y="427342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5900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9063150" y="427342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1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9198265" y="4283608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5902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10532479" y="426485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3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10589678" y="429100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926" name="OTLSHAPE_M_6ae31c99f6864aae840de110566ea63d_Title"/>
          <p:cNvSpPr txBox="1"/>
          <p:nvPr>
            <p:custDataLst>
              <p:tags r:id="rId27"/>
            </p:custDataLst>
          </p:nvPr>
        </p:nvSpPr>
        <p:spPr>
          <a:xfrm>
            <a:off x="1121086" y="3675456"/>
            <a:ext cx="11638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mpetition started</a:t>
            </a:r>
          </a:p>
        </p:txBody>
      </p:sp>
      <p:sp>
        <p:nvSpPr>
          <p:cNvPr id="5927" name="OTLSHAPE_M_6ae31c99f6864aae840de110566ea63d_Date"/>
          <p:cNvSpPr txBox="1"/>
          <p:nvPr>
            <p:custDataLst>
              <p:tags r:id="rId28"/>
            </p:custDataLst>
          </p:nvPr>
        </p:nvSpPr>
        <p:spPr>
          <a:xfrm>
            <a:off x="1121087" y="3845921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Dec 7</a:t>
            </a:r>
          </a:p>
        </p:txBody>
      </p:sp>
      <p:sp>
        <p:nvSpPr>
          <p:cNvPr id="5928" name="OTLSHAPE_M_6ae31c99f6864aae840de110566ea63d_Shape"/>
          <p:cNvSpPr/>
          <p:nvPr>
            <p:custDataLst>
              <p:tags r:id="rId29"/>
            </p:custDataLst>
          </p:nvPr>
        </p:nvSpPr>
        <p:spPr>
          <a:xfrm rot="16200000">
            <a:off x="962337" y="3755056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2" name="OTLSHAPE_M_04072b436b4048c09d492665495c5db4_Title"/>
          <p:cNvSpPr txBox="1"/>
          <p:nvPr>
            <p:custDataLst>
              <p:tags r:id="rId30"/>
            </p:custDataLst>
          </p:nvPr>
        </p:nvSpPr>
        <p:spPr>
          <a:xfrm>
            <a:off x="5309169" y="391460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Linux</a:t>
            </a:r>
          </a:p>
        </p:txBody>
      </p:sp>
      <p:sp>
        <p:nvSpPr>
          <p:cNvPr id="5934" name="OTLSHAPE_M_04072b436b4048c09d492665495c5db4_Shape"/>
          <p:cNvSpPr/>
          <p:nvPr>
            <p:custDataLst>
              <p:tags r:id="rId31"/>
            </p:custDataLst>
          </p:nvPr>
        </p:nvSpPr>
        <p:spPr>
          <a:xfrm rot="16200000">
            <a:off x="5100173" y="3920079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1" name="OTLSHAPE_M_c4141af3ac38465cb53fcc7f7a4aa9f5_Title"/>
          <p:cNvSpPr txBox="1"/>
          <p:nvPr>
            <p:custDataLst>
              <p:tags r:id="rId32"/>
            </p:custDataLst>
          </p:nvPr>
        </p:nvSpPr>
        <p:spPr>
          <a:xfrm>
            <a:off x="10945176" y="3654381"/>
            <a:ext cx="96028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Final evaluation </a:t>
            </a:r>
          </a:p>
        </p:txBody>
      </p:sp>
      <p:sp>
        <p:nvSpPr>
          <p:cNvPr id="5942" name="OTLSHAPE_M_c4141af3ac38465cb53fcc7f7a4aa9f5_Date"/>
          <p:cNvSpPr txBox="1"/>
          <p:nvPr>
            <p:custDataLst>
              <p:tags r:id="rId33"/>
            </p:custDataLst>
          </p:nvPr>
        </p:nvSpPr>
        <p:spPr>
          <a:xfrm>
            <a:off x="10945177" y="3824846"/>
            <a:ext cx="39701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05</a:t>
            </a:r>
          </a:p>
        </p:txBody>
      </p:sp>
      <p:sp>
        <p:nvSpPr>
          <p:cNvPr id="5943" name="OTLSHAPE_M_c4141af3ac38465cb53fcc7f7a4aa9f5_Shape"/>
          <p:cNvSpPr/>
          <p:nvPr>
            <p:custDataLst>
              <p:tags r:id="rId34"/>
            </p:custDataLst>
          </p:nvPr>
        </p:nvSpPr>
        <p:spPr>
          <a:xfrm rot="16200000">
            <a:off x="10786427" y="3733981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4" name="OTLSHAPE_T_11a5fd20169a4e5aa0bed048dba08ff2_Shape"/>
          <p:cNvSpPr/>
          <p:nvPr>
            <p:custDataLst>
              <p:tags r:id="rId35"/>
            </p:custDataLst>
          </p:nvPr>
        </p:nvSpPr>
        <p:spPr>
          <a:xfrm>
            <a:off x="948129" y="4736554"/>
            <a:ext cx="2150114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Research</a:t>
            </a:r>
          </a:p>
        </p:txBody>
      </p:sp>
      <p:sp>
        <p:nvSpPr>
          <p:cNvPr id="5945" name="OTLSHAPE_T_11a5fd20169a4e5aa0bed048dba08ff2_ShapePercentage" hidden="1"/>
          <p:cNvSpPr/>
          <p:nvPr>
            <p:custDataLst>
              <p:tags r:id="rId36"/>
            </p:custDataLst>
          </p:nvPr>
        </p:nvSpPr>
        <p:spPr>
          <a:xfrm>
            <a:off x="1046519" y="3434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6" name="OTLSHAPE_T_11a5fd20169a4e5aa0bed048dba08ff2_Duration" hidden="1"/>
          <p:cNvSpPr txBox="1"/>
          <p:nvPr>
            <p:custDataLst>
              <p:tags r:id="rId37"/>
            </p:custDataLst>
          </p:nvPr>
        </p:nvSpPr>
        <p:spPr>
          <a:xfrm>
            <a:off x="0" y="3434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358974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39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40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41"/>
            </p:custDataLst>
          </p:nvPr>
        </p:nvSpPr>
        <p:spPr>
          <a:xfrm>
            <a:off x="3206149" y="4768932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Dec  7 - Jan 1</a:t>
            </a: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42"/>
            </p:custDataLst>
          </p:nvPr>
        </p:nvSpPr>
        <p:spPr>
          <a:xfrm>
            <a:off x="134940" y="4645295"/>
            <a:ext cx="584550" cy="338554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</a:p>
          <a:p>
            <a:endParaRPr lang="en-GB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2" name="OTLSHAPE_T_23c152327d314e958e11ca251f33fb49_Shape"/>
          <p:cNvSpPr/>
          <p:nvPr>
            <p:custDataLst>
              <p:tags r:id="rId43"/>
            </p:custDataLst>
          </p:nvPr>
        </p:nvSpPr>
        <p:spPr>
          <a:xfrm>
            <a:off x="1742344" y="5096144"/>
            <a:ext cx="2725287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HDMI processing unit</a:t>
            </a:r>
          </a:p>
        </p:txBody>
      </p:sp>
      <p:sp>
        <p:nvSpPr>
          <p:cNvPr id="5953" name="OTLSHAPE_T_23c152327d314e958e11ca251f33fb49_ShapePercentage" hidden="1"/>
          <p:cNvSpPr/>
          <p:nvPr>
            <p:custDataLst>
              <p:tags r:id="rId44"/>
            </p:custDataLst>
          </p:nvPr>
        </p:nvSpPr>
        <p:spPr>
          <a:xfrm>
            <a:off x="1838594" y="37649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54" name="OTLSHAPE_T_23c152327d314e958e11ca251f33fb49_Duration" hidden="1"/>
          <p:cNvSpPr txBox="1"/>
          <p:nvPr>
            <p:custDataLst>
              <p:tags r:id="rId45"/>
            </p:custDataLst>
          </p:nvPr>
        </p:nvSpPr>
        <p:spPr>
          <a:xfrm>
            <a:off x="0" y="37649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9199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47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48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49"/>
            </p:custDataLst>
          </p:nvPr>
        </p:nvSpPr>
        <p:spPr>
          <a:xfrm>
            <a:off x="4654055" y="5127197"/>
            <a:ext cx="8943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Dec 10 - Jan 18</a:t>
            </a: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50"/>
            </p:custDataLst>
          </p:nvPr>
        </p:nvSpPr>
        <p:spPr>
          <a:xfrm>
            <a:off x="134940" y="5015061"/>
            <a:ext cx="1338542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HDMI processing unit </a:t>
            </a:r>
          </a:p>
        </p:txBody>
      </p:sp>
      <p:sp>
        <p:nvSpPr>
          <p:cNvPr id="5960" name="OTLSHAPE_T_f23e460505c24ee88159b421b810b7e4_Shape"/>
          <p:cNvSpPr/>
          <p:nvPr>
            <p:custDataLst>
              <p:tags r:id="rId51"/>
            </p:custDataLst>
          </p:nvPr>
        </p:nvSpPr>
        <p:spPr>
          <a:xfrm>
            <a:off x="3731195" y="5428799"/>
            <a:ext cx="1338541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Linux Kernel </a:t>
            </a:r>
          </a:p>
        </p:txBody>
      </p:sp>
      <p:sp>
        <p:nvSpPr>
          <p:cNvPr id="5961" name="OTLSHAPE_T_f23e460505c24ee88159b421b810b7e4_ShapePercentage" hidden="1"/>
          <p:cNvSpPr/>
          <p:nvPr>
            <p:custDataLst>
              <p:tags r:id="rId52"/>
            </p:custDataLst>
          </p:nvPr>
        </p:nvSpPr>
        <p:spPr>
          <a:xfrm>
            <a:off x="2970131" y="40951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62" name="OTLSHAPE_T_f23e460505c24ee88159b421b810b7e4_Duration" hidden="1"/>
          <p:cNvSpPr txBox="1"/>
          <p:nvPr>
            <p:custDataLst>
              <p:tags r:id="rId53"/>
            </p:custDataLst>
          </p:nvPr>
        </p:nvSpPr>
        <p:spPr>
          <a:xfrm>
            <a:off x="0" y="40951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55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56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57"/>
            </p:custDataLst>
          </p:nvPr>
        </p:nvSpPr>
        <p:spPr>
          <a:xfrm>
            <a:off x="5201508" y="54580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Jan 25</a:t>
            </a: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58"/>
            </p:custDataLst>
          </p:nvPr>
        </p:nvSpPr>
        <p:spPr>
          <a:xfrm>
            <a:off x="134940" y="5311742"/>
            <a:ext cx="2186438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Linux Kernel Hardware + Modifying</a:t>
            </a:r>
          </a:p>
        </p:txBody>
      </p:sp>
      <p:sp>
        <p:nvSpPr>
          <p:cNvPr id="5968" name="OTLSHAPE_T_82d1b7aae77d41a2be14d69f5e501b1b_Shape"/>
          <p:cNvSpPr/>
          <p:nvPr>
            <p:custDataLst>
              <p:tags r:id="rId59"/>
            </p:custDataLst>
          </p:nvPr>
        </p:nvSpPr>
        <p:spPr>
          <a:xfrm>
            <a:off x="4926817" y="5689144"/>
            <a:ext cx="2338365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HDMI Driver</a:t>
            </a:r>
          </a:p>
        </p:txBody>
      </p:sp>
      <p:sp>
        <p:nvSpPr>
          <p:cNvPr id="5969" name="OTLSHAPE_T_82d1b7aae77d41a2be14d69f5e501b1b_ShapePercentage" hidden="1"/>
          <p:cNvSpPr/>
          <p:nvPr>
            <p:custDataLst>
              <p:tags r:id="rId60"/>
            </p:custDataLst>
          </p:nvPr>
        </p:nvSpPr>
        <p:spPr>
          <a:xfrm>
            <a:off x="3281303" y="44253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0" name="OTLSHAPE_T_82d1b7aae77d41a2be14d69f5e501b1b_Duration" hidden="1"/>
          <p:cNvSpPr txBox="1"/>
          <p:nvPr>
            <p:custDataLst>
              <p:tags r:id="rId61"/>
            </p:custDataLst>
          </p:nvPr>
        </p:nvSpPr>
        <p:spPr>
          <a:xfrm>
            <a:off x="0" y="44253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63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64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65"/>
            </p:custDataLst>
          </p:nvPr>
        </p:nvSpPr>
        <p:spPr>
          <a:xfrm>
            <a:off x="7477303" y="571007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3 - Mar 1</a:t>
            </a: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66"/>
            </p:custDataLst>
          </p:nvPr>
        </p:nvSpPr>
        <p:spPr>
          <a:xfrm>
            <a:off x="134940" y="5561626"/>
            <a:ext cx="1338542" cy="16927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HDMI driver</a:t>
            </a:r>
          </a:p>
        </p:txBody>
      </p:sp>
      <p:sp>
        <p:nvSpPr>
          <p:cNvPr id="5976" name="OTLSHAPE_T_23b42cadd9bc437fb739c68c62737c3a_Shape"/>
          <p:cNvSpPr/>
          <p:nvPr>
            <p:custDataLst>
              <p:tags r:id="rId67"/>
            </p:custDataLst>
          </p:nvPr>
        </p:nvSpPr>
        <p:spPr>
          <a:xfrm>
            <a:off x="6835140" y="5951355"/>
            <a:ext cx="1424126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400" dirty="0"/>
              <a:t> Steganography</a:t>
            </a:r>
          </a:p>
        </p:txBody>
      </p:sp>
      <p:sp>
        <p:nvSpPr>
          <p:cNvPr id="5977" name="OTLSHAPE_T_23b42cadd9bc437fb739c68c62737c3a_ShapePercentage" hidden="1"/>
          <p:cNvSpPr/>
          <p:nvPr>
            <p:custDataLst>
              <p:tags r:id="rId68"/>
            </p:custDataLst>
          </p:nvPr>
        </p:nvSpPr>
        <p:spPr>
          <a:xfrm>
            <a:off x="9221870" y="47555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8" name="OTLSHAPE_T_23b42cadd9bc437fb739c68c62737c3a_Duration" hidden="1"/>
          <p:cNvSpPr txBox="1"/>
          <p:nvPr>
            <p:custDataLst>
              <p:tags r:id="rId69"/>
            </p:custDataLst>
          </p:nvPr>
        </p:nvSpPr>
        <p:spPr>
          <a:xfrm>
            <a:off x="0" y="47555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5979" name="OTLSHAPE_T_23b42cadd9bc437fb739c68c62737c3a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0" name="OTLSHAPE_T_23b42cadd9bc437fb739c68c62737c3a_StartDate" hidden="1"/>
          <p:cNvSpPr txBox="1"/>
          <p:nvPr>
            <p:custDataLst>
              <p:tags r:id="rId71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1" name="OTLSHAPE_T_23b42cadd9bc437fb739c68c62737c3a_EndDate" hidden="1"/>
          <p:cNvSpPr txBox="1"/>
          <p:nvPr>
            <p:custDataLst>
              <p:tags r:id="rId72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2" name="OTLSHAPE_T_23b42cadd9bc437fb739c68c62737c3a_JoinedDate"/>
          <p:cNvSpPr txBox="1"/>
          <p:nvPr>
            <p:custDataLst>
              <p:tags r:id="rId73"/>
            </p:custDataLst>
          </p:nvPr>
        </p:nvSpPr>
        <p:spPr>
          <a:xfrm>
            <a:off x="8320514" y="5989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5- Mar 15</a:t>
            </a:r>
          </a:p>
        </p:txBody>
      </p:sp>
      <p:sp>
        <p:nvSpPr>
          <p:cNvPr id="5983" name="OTLSHAPE_T_23b42cadd9bc437fb739c68c62737c3a_Title"/>
          <p:cNvSpPr txBox="1"/>
          <p:nvPr>
            <p:custDataLst>
              <p:tags r:id="rId74"/>
            </p:custDataLst>
          </p:nvPr>
        </p:nvSpPr>
        <p:spPr>
          <a:xfrm>
            <a:off x="104858" y="5815541"/>
            <a:ext cx="1637486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Software Steganography</a:t>
            </a:r>
          </a:p>
        </p:txBody>
      </p:sp>
      <p:sp>
        <p:nvSpPr>
          <p:cNvPr id="5984" name="OTLSHAPE_T_fe82a054eb724851a93f6a606432bfac_Shape"/>
          <p:cNvSpPr/>
          <p:nvPr>
            <p:custDataLst>
              <p:tags r:id="rId75"/>
            </p:custDataLst>
          </p:nvPr>
        </p:nvSpPr>
        <p:spPr>
          <a:xfrm>
            <a:off x="7647391" y="6553000"/>
            <a:ext cx="3370896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dirty="0"/>
              <a:t>Merging + Documentation + Presentation</a:t>
            </a:r>
          </a:p>
        </p:txBody>
      </p:sp>
      <p:sp>
        <p:nvSpPr>
          <p:cNvPr id="5985" name="OTLSHAPE_T_fe82a054eb724851a93f6a606432bfac_ShapePercentage" hidden="1"/>
          <p:cNvSpPr/>
          <p:nvPr>
            <p:custDataLst>
              <p:tags r:id="rId76"/>
            </p:custDataLst>
          </p:nvPr>
        </p:nvSpPr>
        <p:spPr>
          <a:xfrm>
            <a:off x="9957368" y="508571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6" name="OTLSHAPE_T_fe82a054eb724851a93f6a606432bfac_Duration" hidden="1"/>
          <p:cNvSpPr txBox="1"/>
          <p:nvPr>
            <p:custDataLst>
              <p:tags r:id="rId77"/>
            </p:custDataLst>
          </p:nvPr>
        </p:nvSpPr>
        <p:spPr>
          <a:xfrm>
            <a:off x="0" y="5085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79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80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81"/>
            </p:custDataLst>
          </p:nvPr>
        </p:nvSpPr>
        <p:spPr>
          <a:xfrm>
            <a:off x="11082044" y="6595421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Mar 1 - May 5</a:t>
            </a: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82"/>
            </p:custDataLst>
          </p:nvPr>
        </p:nvSpPr>
        <p:spPr>
          <a:xfrm>
            <a:off x="117237" y="6502962"/>
            <a:ext cx="2388772" cy="169277"/>
          </a:xfrm>
          <a:prstGeom prst="rect">
            <a:avLst/>
          </a:prstGeom>
          <a:ln>
            <a:noFill/>
            <a:prstDash val="sysDot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Documentation + Presentation</a:t>
            </a:r>
          </a:p>
        </p:txBody>
      </p:sp>
      <p:cxnSp>
        <p:nvCxnSpPr>
          <p:cNvPr id="129" name="OTLSHAPE_T_f23e460505c24ee88159b421b810b7e4_HorizontalConnector1">
            <a:extLst>
              <a:ext uri="{FF2B5EF4-FFF2-40B4-BE49-F238E27FC236}">
                <a16:creationId xmlns:a16="http://schemas.microsoft.com/office/drawing/2014/main" id="{4FAF299F-A570-4FF2-80E1-04C0653DB61A}"/>
              </a:ext>
            </a:extLst>
          </p:cNvPr>
          <p:cNvCxnSpPr>
            <a:cxnSpLocks/>
            <a:endCxn id="130" idx="1"/>
          </p:cNvCxnSpPr>
          <p:nvPr>
            <p:custDataLst>
              <p:tags r:id="rId83"/>
            </p:custDataLst>
          </p:nvPr>
        </p:nvCxnSpPr>
        <p:spPr>
          <a:xfrm flipV="1">
            <a:off x="134940" y="6356240"/>
            <a:ext cx="7130242" cy="71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f23e460505c24ee88159b421b810b7e4_Shape">
            <a:extLst>
              <a:ext uri="{FF2B5EF4-FFF2-40B4-BE49-F238E27FC236}">
                <a16:creationId xmlns:a16="http://schemas.microsoft.com/office/drawing/2014/main" id="{2733CA17-B66F-4BBC-8D47-1A483426AD60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7265182" y="6227157"/>
            <a:ext cx="3193268" cy="258165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100" dirty="0"/>
              <a:t>Encrypter + Decrypter + Random Generator + Drivers</a:t>
            </a:r>
          </a:p>
        </p:txBody>
      </p:sp>
      <p:sp>
        <p:nvSpPr>
          <p:cNvPr id="131" name="OTLSHAPE_T_f23e460505c24ee88159b421b810b7e4_JoinedDate">
            <a:extLst>
              <a:ext uri="{FF2B5EF4-FFF2-40B4-BE49-F238E27FC236}">
                <a16:creationId xmlns:a16="http://schemas.microsoft.com/office/drawing/2014/main" id="{26BAA7EE-F8CC-4DEC-9675-61917161D88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619818" y="623238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7 - Apr 24</a:t>
            </a:r>
          </a:p>
        </p:txBody>
      </p:sp>
      <p:sp>
        <p:nvSpPr>
          <p:cNvPr id="132" name="OTLSHAPE_T_f23e460505c24ee88159b421b810b7e4_Title">
            <a:extLst>
              <a:ext uri="{FF2B5EF4-FFF2-40B4-BE49-F238E27FC236}">
                <a16:creationId xmlns:a16="http://schemas.microsoft.com/office/drawing/2014/main" id="{D6938D3A-5CFE-4AEA-A603-F68C37B05E1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2275" y="6154555"/>
            <a:ext cx="2722276" cy="169277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Encrypter / Decrypter/ Random</a:t>
            </a:r>
          </a:p>
        </p:txBody>
      </p:sp>
      <p:cxnSp>
        <p:nvCxnSpPr>
          <p:cNvPr id="164" name="OTLSHAPE_T_23c152327d314e958e11ca251f33fb49_HorizontalConnector1">
            <a:extLst>
              <a:ext uri="{FF2B5EF4-FFF2-40B4-BE49-F238E27FC236}">
                <a16:creationId xmlns:a16="http://schemas.microsoft.com/office/drawing/2014/main" id="{8F8254A0-2EE8-4715-9333-D5E36BB3EEDE}"/>
              </a:ext>
            </a:extLst>
          </p:cNvPr>
          <p:cNvCxnSpPr>
            <a:cxnSpLocks/>
            <a:endCxn id="5944" idx="1"/>
          </p:cNvCxnSpPr>
          <p:nvPr>
            <p:custDataLst>
              <p:tags r:id="rId87"/>
            </p:custDataLst>
          </p:nvPr>
        </p:nvCxnSpPr>
        <p:spPr>
          <a:xfrm>
            <a:off x="123937" y="4838154"/>
            <a:ext cx="8241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M_04072b436b4048c09d492665495c5db4_Connector1">
            <a:extLst>
              <a:ext uri="{FF2B5EF4-FFF2-40B4-BE49-F238E27FC236}">
                <a16:creationId xmlns:a16="http://schemas.microsoft.com/office/drawing/2014/main" id="{A88E09A9-3588-4074-BF91-937D49086143}"/>
              </a:ext>
            </a:extLst>
          </p:cNvPr>
          <p:cNvCxnSpPr>
            <a:cxnSpLocks/>
          </p:cNvCxnSpPr>
          <p:nvPr>
            <p:custDataLst>
              <p:tags r:id="rId88"/>
            </p:custDataLst>
          </p:nvPr>
        </p:nvCxnSpPr>
        <p:spPr>
          <a:xfrm>
            <a:off x="7233557" y="3876274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" name="OTLSHAPE_M_04072b436b4048c09d492665495c5db4_Title">
            <a:extLst>
              <a:ext uri="{FF2B5EF4-FFF2-40B4-BE49-F238E27FC236}">
                <a16:creationId xmlns:a16="http://schemas.microsoft.com/office/drawing/2014/main" id="{CBDED55C-837F-4605-B0DD-F4A6C7B25CE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460019" y="3868053"/>
            <a:ext cx="86049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HDMI in Linux</a:t>
            </a:r>
          </a:p>
        </p:txBody>
      </p:sp>
      <p:sp>
        <p:nvSpPr>
          <p:cNvPr id="184" name="OTLSHAPE_M_04072b436b4048c09d492665495c5db4_Shape">
            <a:extLst>
              <a:ext uri="{FF2B5EF4-FFF2-40B4-BE49-F238E27FC236}">
                <a16:creationId xmlns:a16="http://schemas.microsoft.com/office/drawing/2014/main" id="{157CD371-5A7D-4D4A-9E3B-EE910A9850B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rot="16200000">
            <a:off x="7251024" y="3872910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85" name="OTLSHAPE_M_04072b436b4048c09d492665495c5db4_Connector1">
            <a:extLst>
              <a:ext uri="{FF2B5EF4-FFF2-40B4-BE49-F238E27FC236}">
                <a16:creationId xmlns:a16="http://schemas.microsoft.com/office/drawing/2014/main" id="{EB8D6333-2ABF-4BDE-8943-1302E512E28A}"/>
              </a:ext>
            </a:extLst>
          </p:cNvPr>
          <p:cNvCxnSpPr>
            <a:cxnSpLocks/>
          </p:cNvCxnSpPr>
          <p:nvPr>
            <p:custDataLst>
              <p:tags r:id="rId91"/>
            </p:custDataLst>
          </p:nvPr>
        </p:nvCxnSpPr>
        <p:spPr>
          <a:xfrm>
            <a:off x="9571805" y="3874491"/>
            <a:ext cx="0" cy="289035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6" name="OTLSHAPE_M_04072b436b4048c09d492665495c5db4_Title">
            <a:extLst>
              <a:ext uri="{FF2B5EF4-FFF2-40B4-BE49-F238E27FC236}">
                <a16:creationId xmlns:a16="http://schemas.microsoft.com/office/drawing/2014/main" id="{F4802DEA-866B-4CF6-B3BF-28970B66F8A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807098" y="3838786"/>
            <a:ext cx="79141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working</a:t>
            </a:r>
          </a:p>
        </p:txBody>
      </p:sp>
      <p:sp>
        <p:nvSpPr>
          <p:cNvPr id="187" name="OTLSHAPE_M_04072b436b4048c09d492665495c5db4_Shape">
            <a:extLst>
              <a:ext uri="{FF2B5EF4-FFF2-40B4-BE49-F238E27FC236}">
                <a16:creationId xmlns:a16="http://schemas.microsoft.com/office/drawing/2014/main" id="{EDE568C0-5380-4766-A5CC-B151E035406A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 rot="16200000">
            <a:off x="9589272" y="3871127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9E93B82-9EC3-466A-9E59-136864C07D29}"/>
              </a:ext>
            </a:extLst>
          </p:cNvPr>
          <p:cNvPicPr>
            <a:picLocks noChangeAspect="1"/>
          </p:cNvPicPr>
          <p:nvPr/>
        </p:nvPicPr>
        <p:blipFill>
          <a:blip r:embed="rId9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37621" y="0"/>
            <a:ext cx="7128785" cy="3815432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946C67D-B0B7-4C5B-B517-71AA28D1F701}"/>
              </a:ext>
            </a:extLst>
          </p:cNvPr>
          <p:cNvSpPr txBox="1"/>
          <p:nvPr/>
        </p:nvSpPr>
        <p:spPr>
          <a:xfrm>
            <a:off x="7459623" y="3288366"/>
            <a:ext cx="214394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GitHub activit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Shape 3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9" name="Shape 329"/>
          <p:cNvSpPr txBox="1">
            <a:spLocks noGrp="1"/>
          </p:cNvSpPr>
          <p:nvPr>
            <p:ph type="title"/>
          </p:nvPr>
        </p:nvSpPr>
        <p:spPr>
          <a:xfrm>
            <a:off x="870204" y="606564"/>
            <a:ext cx="10451592" cy="1325563"/>
          </a:xfrm>
          <a:prstGeom prst="rect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</a:pPr>
            <a:r>
              <a:rPr lang="en-US" sz="4400">
                <a:solidFill>
                  <a:schemeClr val="tx1"/>
                </a:solidFill>
              </a:rPr>
              <a:t>Further development</a:t>
            </a:r>
          </a:p>
        </p:txBody>
      </p:sp>
      <p:sp>
        <p:nvSpPr>
          <p:cNvPr id="81" name="Rectangle 80">
            <a:extLst>
              <a:ext uri="{FF2B5EF4-FFF2-40B4-BE49-F238E27FC236}">
                <a16:creationId xmlns:a16="http://schemas.microsoft.com/office/drawing/2014/main" id="{A5711A0E-A428-4ED1-96CB-33D69FD842E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00874" y="2043803"/>
            <a:ext cx="10190252" cy="80683"/>
          </a:xfrm>
          <a:prstGeom prst="rect">
            <a:avLst/>
          </a:prstGeom>
          <a:solidFill>
            <a:schemeClr val="tx1">
              <a:lumMod val="50000"/>
              <a:lumOff val="50000"/>
              <a:alpha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332" name="Shape 330">
            <a:extLst>
              <a:ext uri="{FF2B5EF4-FFF2-40B4-BE49-F238E27FC236}">
                <a16:creationId xmlns:a16="http://schemas.microsoft.com/office/drawing/2014/main" id="{5EB726E1-FD7F-418A-9741-7CE4B1D91D1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69184276"/>
              </p:ext>
            </p:extLst>
          </p:nvPr>
        </p:nvGraphicFramePr>
        <p:xfrm>
          <a:off x="1000874" y="2385390"/>
          <a:ext cx="10190252" cy="36178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C5D1E-D716-4915-8E78-48DC710F0F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929" y="629266"/>
            <a:ext cx="6586491" cy="1676603"/>
          </a:xfrm>
        </p:spPr>
        <p:txBody>
          <a:bodyPr>
            <a:normAutofit/>
          </a:bodyPr>
          <a:lstStyle/>
          <a:p>
            <a:r>
              <a:rPr lang="en-US" dirty="0"/>
              <a:t>Steganograph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0F5CCD-DD6E-4723-BB75-67178DDA459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8930" y="2438400"/>
            <a:ext cx="6586489" cy="3785419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>
                <a:latin typeface="Titillium Web" panose="00000500000000000000" pitchFamily="2" charset="0"/>
                <a:ea typeface="Open Sans" panose="020B0606030504020204" pitchFamily="34" charset="0"/>
                <a:cs typeface="Open Sans" panose="020B0606030504020204" pitchFamily="34" charset="0"/>
              </a:rPr>
              <a:t>	Steganography is the art and science of sending covert message and the existence of these messages are only known by the sender and the receiver. </a:t>
            </a:r>
          </a:p>
          <a:p>
            <a:pPr marL="0" indent="0">
              <a:buNone/>
            </a:pPr>
            <a:r>
              <a:rPr lang="en-US" sz="2400">
                <a:latin typeface="Titillium Web" panose="00000500000000000000" pitchFamily="2" charset="0"/>
                <a:ea typeface="Open Sans" panose="020B0606030504020204" pitchFamily="34" charset="0"/>
                <a:cs typeface="Open Sans" panose="020B0606030504020204" pitchFamily="34" charset="0"/>
              </a:rPr>
              <a:t>	This technique has been practiced for thousands of years.</a:t>
            </a:r>
            <a:endParaRPr lang="en-US" sz="240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146EBF7-DE45-4AAF-BBCA-D340C64FE84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72375" y="0"/>
            <a:ext cx="4619625" cy="68321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343188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5" name="Shape 335"/>
          <p:cNvSpPr txBox="1"/>
          <p:nvPr/>
        </p:nvSpPr>
        <p:spPr>
          <a:xfrm>
            <a:off x="683040" y="232320"/>
            <a:ext cx="11360640" cy="7636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r>
              <a:rPr lang="en-GB" sz="3733" b="1" dirty="0">
                <a:solidFill>
                  <a:srgbClr val="FFFFFF"/>
                </a:solidFill>
                <a:latin typeface="Arial"/>
                <a:ea typeface="Arial"/>
                <a:cs typeface="Arial"/>
                <a:sym typeface="Arial"/>
              </a:rPr>
              <a:t>What I used in order to create the platform:</a:t>
            </a:r>
            <a:endParaRPr sz="5867" dirty="0">
              <a:solidFill>
                <a:srgbClr val="FFFFFF"/>
              </a:solidFill>
              <a:latin typeface="Cambria"/>
              <a:ea typeface="Cambria"/>
              <a:cs typeface="Cambria"/>
              <a:sym typeface="Cambria"/>
            </a:endParaRPr>
          </a:p>
        </p:txBody>
      </p:sp>
      <p:pic>
        <p:nvPicPr>
          <p:cNvPr id="336" name="Shape 336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80160" y="1445280"/>
            <a:ext cx="1303200" cy="14160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7" name="Shape 337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2138880" y="1598400"/>
            <a:ext cx="927840" cy="9168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8" name="Shape 338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359783" y="4740480"/>
            <a:ext cx="1666080" cy="16660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9" name="Shape 339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7637280" y="115200"/>
            <a:ext cx="4630560" cy="463056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0" name="Shape 340"/>
          <p:cNvPicPr preferRelativeResize="0"/>
          <p:nvPr/>
        </p:nvPicPr>
        <p:blipFill rotWithShape="1">
          <a:blip r:embed="rId7">
            <a:alphaModFix/>
          </a:blip>
          <a:srcRect/>
          <a:stretch/>
        </p:blipFill>
        <p:spPr>
          <a:xfrm>
            <a:off x="6096000" y="5198520"/>
            <a:ext cx="1551360" cy="10588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1" name="Shape 341"/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2290490" y="4602432"/>
            <a:ext cx="1261842" cy="373728"/>
          </a:xfrm>
          <a:prstGeom prst="rect">
            <a:avLst/>
          </a:prstGeom>
          <a:noFill/>
          <a:ln>
            <a:noFill/>
          </a:ln>
        </p:spPr>
      </p:pic>
      <p:pic>
        <p:nvPicPr>
          <p:cNvPr id="344" name="Shape 344"/>
          <p:cNvPicPr preferRelativeResize="0"/>
          <p:nvPr/>
        </p:nvPicPr>
        <p:blipFill rotWithShape="1">
          <a:blip r:embed="rId9">
            <a:alphaModFix/>
          </a:blip>
          <a:srcRect/>
          <a:stretch/>
        </p:blipFill>
        <p:spPr>
          <a:xfrm>
            <a:off x="1281120" y="3206400"/>
            <a:ext cx="2316000" cy="107856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5" name="Shape 345"/>
          <p:cNvPicPr preferRelativeResize="0"/>
          <p:nvPr/>
        </p:nvPicPr>
        <p:blipFill rotWithShape="1">
          <a:blip r:embed="rId10">
            <a:alphaModFix/>
          </a:blip>
          <a:srcRect/>
          <a:stretch/>
        </p:blipFill>
        <p:spPr>
          <a:xfrm>
            <a:off x="4110040" y="1077977"/>
            <a:ext cx="2500800" cy="8164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46" name="Shape 346" descr="See the source image"/>
          <p:cNvPicPr preferRelativeResize="0"/>
          <p:nvPr/>
        </p:nvPicPr>
        <p:blipFill rotWithShape="1">
          <a:blip r:embed="rId11">
            <a:alphaModFix/>
          </a:blip>
          <a:srcRect/>
          <a:stretch/>
        </p:blipFill>
        <p:spPr>
          <a:xfrm>
            <a:off x="3789875" y="4232242"/>
            <a:ext cx="1632480" cy="1632480"/>
          </a:xfrm>
          <a:prstGeom prst="rect">
            <a:avLst/>
          </a:prstGeom>
          <a:noFill/>
          <a:ln>
            <a:noFill/>
          </a:ln>
        </p:spPr>
      </p:pic>
      <p:pic>
        <p:nvPicPr>
          <p:cNvPr id="3" name="Picture 2" descr="A picture containing clipart&#10;&#10;Description generated with very high confidence">
            <a:extLst>
              <a:ext uri="{FF2B5EF4-FFF2-40B4-BE49-F238E27FC236}">
                <a16:creationId xmlns:a16="http://schemas.microsoft.com/office/drawing/2014/main" id="{D8C18045-58A6-4944-8C4A-3D7DF2EE7A5C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5853648" y="4244148"/>
            <a:ext cx="2170463" cy="763681"/>
          </a:xfrm>
          <a:prstGeom prst="rect">
            <a:avLst/>
          </a:prstGeom>
        </p:spPr>
      </p:pic>
      <p:pic>
        <p:nvPicPr>
          <p:cNvPr id="4" name="Picture 3" descr="A close up of text on a white background&#10;&#10;Description automatically generated">
            <a:extLst>
              <a:ext uri="{FF2B5EF4-FFF2-40B4-BE49-F238E27FC236}">
                <a16:creationId xmlns:a16="http://schemas.microsoft.com/office/drawing/2014/main" id="{A4D0B99B-F4E7-4415-8547-8C4DCFB7C983}"/>
              </a:ext>
            </a:extLst>
          </p:cNvPr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26" t="21600" r="13909" b="30684"/>
          <a:stretch/>
        </p:blipFill>
        <p:spPr>
          <a:xfrm>
            <a:off x="3835223" y="2156526"/>
            <a:ext cx="3655634" cy="1731430"/>
          </a:xfrm>
          <a:prstGeom prst="rect">
            <a:avLst/>
          </a:prstGeom>
        </p:spPr>
      </p:pic>
      <p:pic>
        <p:nvPicPr>
          <p:cNvPr id="3074" name="Picture 2" descr="See the source image">
            <a:extLst>
              <a:ext uri="{FF2B5EF4-FFF2-40B4-BE49-F238E27FC236}">
                <a16:creationId xmlns:a16="http://schemas.microsoft.com/office/drawing/2014/main" id="{24135CA6-10F9-4F30-8F16-D23C0E9291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96574" y="3524017"/>
            <a:ext cx="4052249" cy="35860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8FA7026-B900-4FD9-9E12-C55C60DF76BC}"/>
              </a:ext>
            </a:extLst>
          </p:cNvPr>
          <p:cNvSpPr txBox="1"/>
          <p:nvPr/>
        </p:nvSpPr>
        <p:spPr>
          <a:xfrm>
            <a:off x="2067359" y="6317085"/>
            <a:ext cx="487152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MADE FROM </a:t>
            </a:r>
            <a:r>
              <a:rPr lang="en-US" sz="3200" dirty="0">
                <a:solidFill>
                  <a:schemeClr val="accent2"/>
                </a:solidFill>
              </a:rPr>
              <a:t>SCRATCH</a:t>
            </a:r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89B662-E084-45BA-87FF-8591E6B60C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2221"/>
            <a:ext cx="10515600" cy="1325563"/>
          </a:xfrm>
        </p:spPr>
        <p:txBody>
          <a:bodyPr/>
          <a:lstStyle/>
          <a:p>
            <a:r>
              <a:rPr lang="en-US" dirty="0"/>
              <a:t>Benefits of steganograph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B4B20DD-2A16-415A-AF0D-CD674C3C9D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82433" y="1686364"/>
            <a:ext cx="3928187" cy="839756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Highly </a:t>
            </a:r>
            <a:r>
              <a:rPr lang="en-US" dirty="0">
                <a:solidFill>
                  <a:schemeClr val="accent2"/>
                </a:solidFill>
              </a:rPr>
              <a:t>securely</a:t>
            </a:r>
            <a:r>
              <a:rPr lang="en-US" dirty="0"/>
              <a:t> </a:t>
            </a:r>
          </a:p>
        </p:txBody>
      </p:sp>
      <p:pic>
        <p:nvPicPr>
          <p:cNvPr id="5" name="Picture 4" descr="A circuit board&#10;&#10;Description automatically generated">
            <a:extLst>
              <a:ext uri="{FF2B5EF4-FFF2-40B4-BE49-F238E27FC236}">
                <a16:creationId xmlns:a16="http://schemas.microsoft.com/office/drawing/2014/main" id="{3A3A76ED-EA23-4143-B4D3-2AEB34A0763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759" y="1447784"/>
            <a:ext cx="4326294" cy="3460191"/>
          </a:xfrm>
          <a:prstGeom prst="rect">
            <a:avLst/>
          </a:prstGeom>
        </p:spPr>
      </p:pic>
      <p:pic>
        <p:nvPicPr>
          <p:cNvPr id="7" name="Picture 6" descr="A close up of a piece of paper&#10;&#10;Description automatically generated">
            <a:extLst>
              <a:ext uri="{FF2B5EF4-FFF2-40B4-BE49-F238E27FC236}">
                <a16:creationId xmlns:a16="http://schemas.microsoft.com/office/drawing/2014/main" id="{AF4C2251-0A78-49C5-95EE-9F2CF078A5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8574" y="3361553"/>
            <a:ext cx="6262642" cy="3131322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E910CEB6-5D5C-42B4-9473-07E968760E8D}"/>
              </a:ext>
            </a:extLst>
          </p:cNvPr>
          <p:cNvSpPr txBox="1">
            <a:spLocks/>
          </p:cNvSpPr>
          <p:nvPr/>
        </p:nvSpPr>
        <p:spPr>
          <a:xfrm>
            <a:off x="865093" y="5455708"/>
            <a:ext cx="4326294" cy="839756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/>
              <a:t>Could be very useful in </a:t>
            </a:r>
            <a:r>
              <a:rPr lang="en-US" dirty="0">
                <a:solidFill>
                  <a:schemeClr val="accent2"/>
                </a:solidFill>
              </a:rPr>
              <a:t>copyright</a:t>
            </a:r>
          </a:p>
        </p:txBody>
      </p:sp>
    </p:spTree>
    <p:extLst>
      <p:ext uri="{BB962C8B-B14F-4D97-AF65-F5344CB8AC3E}">
        <p14:creationId xmlns:p14="http://schemas.microsoft.com/office/powerpoint/2010/main" val="845754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6F31DC-970D-4C37-9033-4640E1D1EB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18332" y="1619194"/>
            <a:ext cx="4430486" cy="1164318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Could not be </a:t>
            </a:r>
            <a:r>
              <a:rPr lang="en-US" dirty="0">
                <a:solidFill>
                  <a:schemeClr val="accent2"/>
                </a:solidFill>
              </a:rPr>
              <a:t>traced</a:t>
            </a:r>
          </a:p>
        </p:txBody>
      </p:sp>
      <p:pic>
        <p:nvPicPr>
          <p:cNvPr id="5" name="Picture 4" descr="A close up of a logo&#10;&#10;Description automatically generated">
            <a:extLst>
              <a:ext uri="{FF2B5EF4-FFF2-40B4-BE49-F238E27FC236}">
                <a16:creationId xmlns:a16="http://schemas.microsoft.com/office/drawing/2014/main" id="{D3865C4C-3064-4747-947A-713DFA69BB7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7771" y="993927"/>
            <a:ext cx="4598956" cy="344921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990C06F-3C18-4CDF-9641-AAB9F8E56E8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441"/>
          <a:stretch/>
        </p:blipFill>
        <p:spPr>
          <a:xfrm>
            <a:off x="222291" y="3323772"/>
            <a:ext cx="5611284" cy="3265012"/>
          </a:xfrm>
          <a:prstGeom prst="rect">
            <a:avLst/>
          </a:prstGeom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5AB79883-1591-4D47-BB4A-6F171878FDA8}"/>
              </a:ext>
            </a:extLst>
          </p:cNvPr>
          <p:cNvSpPr txBox="1">
            <a:spLocks/>
          </p:cNvSpPr>
          <p:nvPr/>
        </p:nvSpPr>
        <p:spPr>
          <a:xfrm>
            <a:off x="6358427" y="5749028"/>
            <a:ext cx="5430416" cy="839756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dirty="0"/>
              <a:t>Allows </a:t>
            </a:r>
            <a:r>
              <a:rPr lang="en-US" dirty="0">
                <a:solidFill>
                  <a:schemeClr val="accent2"/>
                </a:solidFill>
              </a:rPr>
              <a:t>encrypted communicates </a:t>
            </a:r>
            <a:r>
              <a:rPr lang="en-US" dirty="0"/>
              <a:t>without being detected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CE618032-DC99-412B-8FDC-636042799F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-86594"/>
            <a:ext cx="10515600" cy="1325563"/>
          </a:xfrm>
        </p:spPr>
        <p:txBody>
          <a:bodyPr/>
          <a:lstStyle/>
          <a:p>
            <a:r>
              <a:rPr lang="en-US" dirty="0"/>
              <a:t>Benefits of steganography</a:t>
            </a:r>
          </a:p>
        </p:txBody>
      </p:sp>
    </p:spTree>
    <p:extLst>
      <p:ext uri="{BB962C8B-B14F-4D97-AF65-F5344CB8AC3E}">
        <p14:creationId xmlns:p14="http://schemas.microsoft.com/office/powerpoint/2010/main" val="311167928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B8ED6-7A77-468E-AD2A-F954EFFDA0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>
            <a:normAutofit/>
          </a:bodyPr>
          <a:lstStyle/>
          <a:p>
            <a:r>
              <a:rPr lang="en-US"/>
              <a:t>Is steganography really useful?</a:t>
            </a:r>
          </a:p>
        </p:txBody>
      </p:sp>
      <p:graphicFrame>
        <p:nvGraphicFramePr>
          <p:cNvPr id="12" name="Content Placeholder 2">
            <a:extLst>
              <a:ext uri="{FF2B5EF4-FFF2-40B4-BE49-F238E27FC236}">
                <a16:creationId xmlns:a16="http://schemas.microsoft.com/office/drawing/2014/main" id="{A8A1D2AC-492C-4286-A9F9-737C9E74CD1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326791053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68484721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69651-1667-4901-A9C9-8B514D6977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/>
          <a:lstStyle/>
          <a:p>
            <a:r>
              <a:rPr lang="en-US" dirty="0"/>
              <a:t>My solu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8D18A9-2E45-45DD-B1D7-0008564E38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US" dirty="0"/>
              <a:t>A </a:t>
            </a:r>
            <a:r>
              <a:rPr lang="en-US" dirty="0">
                <a:solidFill>
                  <a:schemeClr val="accent2"/>
                </a:solidFill>
              </a:rPr>
              <a:t>highly secure server </a:t>
            </a:r>
            <a:r>
              <a:rPr lang="en-US" dirty="0"/>
              <a:t>which is </a:t>
            </a:r>
            <a:r>
              <a:rPr lang="en-US" dirty="0">
                <a:solidFill>
                  <a:schemeClr val="accent2"/>
                </a:solidFill>
              </a:rPr>
              <a:t>hardware accelerated </a:t>
            </a:r>
            <a:r>
              <a:rPr lang="en-US" dirty="0"/>
              <a:t>to </a:t>
            </a:r>
            <a:r>
              <a:rPr lang="en-US" dirty="0">
                <a:solidFill>
                  <a:schemeClr val="accent2"/>
                </a:solidFill>
              </a:rPr>
              <a:t>embed</a:t>
            </a:r>
            <a:r>
              <a:rPr lang="en-US" dirty="0"/>
              <a:t> and extract hidden data inside </a:t>
            </a:r>
            <a:r>
              <a:rPr lang="en-US" dirty="0">
                <a:solidFill>
                  <a:schemeClr val="accent2"/>
                </a:solidFill>
              </a:rPr>
              <a:t>images</a:t>
            </a:r>
            <a:r>
              <a:rPr lang="en-US" dirty="0"/>
              <a:t>, </a:t>
            </a:r>
            <a:r>
              <a:rPr lang="en-US" dirty="0">
                <a:solidFill>
                  <a:schemeClr val="accent2"/>
                </a:solidFill>
              </a:rPr>
              <a:t>sound</a:t>
            </a:r>
            <a:r>
              <a:rPr lang="en-US" dirty="0"/>
              <a:t> and encrypt data faster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E8495F6-DC5E-4CE5-977D-A3623825181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659310" y="2809486"/>
            <a:ext cx="6411985" cy="36067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62923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E4505C23-674B-4195-81D6-0C127FEAE3F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5367908"/>
            <a:ext cx="9161029" cy="1490093"/>
          </a:xfrm>
          <a:custGeom>
            <a:avLst/>
            <a:gdLst>
              <a:gd name="connsiteX0" fmla="*/ 0 w 9161029"/>
              <a:gd name="connsiteY0" fmla="*/ 0 h 1490093"/>
              <a:gd name="connsiteX1" fmla="*/ 2046494 w 9161029"/>
              <a:gd name="connsiteY1" fmla="*/ 0 h 1490093"/>
              <a:gd name="connsiteX2" fmla="*/ 2496613 w 9161029"/>
              <a:gd name="connsiteY2" fmla="*/ 0 h 1490093"/>
              <a:gd name="connsiteX3" fmla="*/ 3235839 w 9161029"/>
              <a:gd name="connsiteY3" fmla="*/ 0 h 1490093"/>
              <a:gd name="connsiteX4" fmla="*/ 9161029 w 9161029"/>
              <a:gd name="connsiteY4" fmla="*/ 0 h 1490093"/>
              <a:gd name="connsiteX5" fmla="*/ 8470921 w 9161029"/>
              <a:gd name="connsiteY5" fmla="*/ 1490093 h 1490093"/>
              <a:gd name="connsiteX6" fmla="*/ 0 w 9161029"/>
              <a:gd name="connsiteY6" fmla="*/ 1490093 h 1490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9161029" h="1490093">
                <a:moveTo>
                  <a:pt x="0" y="0"/>
                </a:moveTo>
                <a:lnTo>
                  <a:pt x="2046494" y="0"/>
                </a:lnTo>
                <a:lnTo>
                  <a:pt x="2496613" y="0"/>
                </a:lnTo>
                <a:lnTo>
                  <a:pt x="3235839" y="0"/>
                </a:lnTo>
                <a:lnTo>
                  <a:pt x="9161029" y="0"/>
                </a:lnTo>
                <a:lnTo>
                  <a:pt x="8470921" y="1490093"/>
                </a:lnTo>
                <a:lnTo>
                  <a:pt x="0" y="1490093"/>
                </a:lnTo>
                <a:close/>
              </a:path>
            </a:pathLst>
          </a:custGeom>
          <a:solidFill>
            <a:schemeClr val="tx1">
              <a:lumMod val="50000"/>
              <a:lumOff val="50000"/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01BC02D-A125-4637-B59E-E2AA6DF9C3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529884"/>
            <a:ext cx="7719381" cy="1096331"/>
          </a:xfrm>
        </p:spPr>
        <p:txBody>
          <a:bodyPr>
            <a:normAutofit/>
          </a:bodyPr>
          <a:lstStyle/>
          <a:p>
            <a:r>
              <a:rPr lang="en-US" sz="3700"/>
              <a:t>Linux Kernel for Zybo ARM processor</a:t>
            </a:r>
          </a:p>
        </p:txBody>
      </p:sp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65C9B8F0-FF66-4C15-BD05-E86B87331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763037" y="5367908"/>
            <a:ext cx="3428963" cy="1490093"/>
          </a:xfrm>
          <a:custGeom>
            <a:avLst/>
            <a:gdLst>
              <a:gd name="connsiteX0" fmla="*/ 690108 w 3428963"/>
              <a:gd name="connsiteY0" fmla="*/ 0 h 1490093"/>
              <a:gd name="connsiteX1" fmla="*/ 3428963 w 3428963"/>
              <a:gd name="connsiteY1" fmla="*/ 0 h 1490093"/>
              <a:gd name="connsiteX2" fmla="*/ 3428963 w 3428963"/>
              <a:gd name="connsiteY2" fmla="*/ 1490093 h 1490093"/>
              <a:gd name="connsiteX3" fmla="*/ 0 w 3428963"/>
              <a:gd name="connsiteY3" fmla="*/ 1490093 h 14900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428963" h="1490093">
                <a:moveTo>
                  <a:pt x="690108" y="0"/>
                </a:moveTo>
                <a:lnTo>
                  <a:pt x="3428963" y="0"/>
                </a:lnTo>
                <a:lnTo>
                  <a:pt x="3428963" y="1490093"/>
                </a:lnTo>
                <a:lnTo>
                  <a:pt x="0" y="1490093"/>
                </a:lnTo>
                <a:close/>
              </a:path>
            </a:pathLst>
          </a:custGeom>
          <a:solidFill>
            <a:schemeClr val="tx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graphicFrame>
        <p:nvGraphicFramePr>
          <p:cNvPr id="13" name="Content Placeholder 2">
            <a:extLst>
              <a:ext uri="{FF2B5EF4-FFF2-40B4-BE49-F238E27FC236}">
                <a16:creationId xmlns:a16="http://schemas.microsoft.com/office/drawing/2014/main" id="{AB23E2BE-AAE1-4A12-8A85-6768D6D38DA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40848796"/>
              </p:ext>
            </p:extLst>
          </p:nvPr>
        </p:nvGraphicFramePr>
        <p:xfrm>
          <a:off x="838200" y="643467"/>
          <a:ext cx="10515600" cy="40809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7627840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1514292" y="513612"/>
            <a:ext cx="9894133" cy="1031216"/>
          </a:xfrm>
          <a:prstGeom prst="ellipse">
            <a:avLst/>
          </a:prstGeom>
        </p:spPr>
        <p:txBody>
          <a:bodyPr spcFirstLastPara="1" vert="horz" lIns="91440" tIns="45720" rIns="91440" bIns="45720" rtlCol="0" anchor="b" anchorCtr="0">
            <a:normAutofit/>
          </a:bodyPr>
          <a:lstStyle/>
          <a:p>
            <a:pPr marL="0" marR="0" lvl="0" indent="0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700" b="0" i="0" u="none" strike="noStrike" cap="none">
                <a:latin typeface="+mj-lt"/>
                <a:ea typeface="+mj-ea"/>
                <a:cs typeface="+mj-cs"/>
                <a:sym typeface="Arial"/>
              </a:rPr>
              <a:t>RSA Encrypter/ Decrypter</a:t>
            </a:r>
            <a:endParaRPr lang="en-US" sz="3700" b="0" i="0" u="none" strike="noStrike" cap="none">
              <a:latin typeface="+mj-lt"/>
              <a:ea typeface="+mj-ea"/>
              <a:cs typeface="+mj-cs"/>
              <a:sym typeface="Cambria"/>
            </a:endParaRPr>
          </a:p>
        </p:txBody>
      </p:sp>
      <p:pic>
        <p:nvPicPr>
          <p:cNvPr id="1026" name="Picture 1">
            <a:extLst>
              <a:ext uri="{FF2B5EF4-FFF2-40B4-BE49-F238E27FC236}">
                <a16:creationId xmlns:a16="http://schemas.microsoft.com/office/drawing/2014/main" id="{0964973E-40FA-4090-B657-E2ED09A16E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642801" y="2390774"/>
            <a:ext cx="4755229" cy="3114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1" name="Freeform: Shape 70">
            <a:extLst>
              <a:ext uri="{FF2B5EF4-FFF2-40B4-BE49-F238E27FC236}">
                <a16:creationId xmlns:a16="http://schemas.microsoft.com/office/drawing/2014/main" id="{C607803A-4E99-444E-94F7-8785CDDF584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auto">
          <a:xfrm flipH="1" flipV="1">
            <a:off x="780154" y="1884045"/>
            <a:ext cx="3275668" cy="2853308"/>
          </a:xfrm>
          <a:custGeom>
            <a:avLst/>
            <a:gdLst>
              <a:gd name="connsiteX0" fmla="*/ 3275668 w 3275668"/>
              <a:gd name="connsiteY0" fmla="*/ 2853308 h 2853308"/>
              <a:gd name="connsiteX1" fmla="*/ 655 w 3275668"/>
              <a:gd name="connsiteY1" fmla="*/ 2853308 h 2853308"/>
              <a:gd name="connsiteX2" fmla="*/ 0 w 3275668"/>
              <a:gd name="connsiteY2" fmla="*/ 2467565 h 2853308"/>
              <a:gd name="connsiteX3" fmla="*/ 2869894 w 3275668"/>
              <a:gd name="connsiteY3" fmla="*/ 2468888 h 2853308"/>
              <a:gd name="connsiteX4" fmla="*/ 2869894 w 3275668"/>
              <a:gd name="connsiteY4" fmla="*/ 0 h 2853308"/>
              <a:gd name="connsiteX5" fmla="*/ 3275668 w 3275668"/>
              <a:gd name="connsiteY5" fmla="*/ 0 h 28533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3275668" h="2853308">
                <a:moveTo>
                  <a:pt x="3275668" y="2853308"/>
                </a:moveTo>
                <a:lnTo>
                  <a:pt x="655" y="2853308"/>
                </a:lnTo>
                <a:cubicBezTo>
                  <a:pt x="-655" y="2720171"/>
                  <a:pt x="1310" y="2600702"/>
                  <a:pt x="0" y="2467565"/>
                </a:cubicBezTo>
                <a:lnTo>
                  <a:pt x="2869894" y="2468888"/>
                </a:lnTo>
                <a:lnTo>
                  <a:pt x="2869894" y="0"/>
                </a:lnTo>
                <a:lnTo>
                  <a:pt x="3275668" y="0"/>
                </a:lnTo>
                <a:close/>
              </a:path>
            </a:pathLst>
          </a:custGeom>
          <a:solidFill>
            <a:srgbClr val="4C4C4C"/>
          </a:solidFill>
          <a:ln w="0">
            <a:noFill/>
            <a:prstDash val="solid"/>
            <a:round/>
            <a:headEnd/>
            <a:tailEnd/>
          </a:ln>
        </p:spPr>
      </p:sp>
      <p:sp>
        <p:nvSpPr>
          <p:cNvPr id="73" name="Freeform: Shape 72">
            <a:extLst>
              <a:ext uri="{FF2B5EF4-FFF2-40B4-BE49-F238E27FC236}">
                <a16:creationId xmlns:a16="http://schemas.microsoft.com/office/drawing/2014/main" id="{2989BE6A-C309-418E-8ADD-1616A980570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auto">
          <a:xfrm>
            <a:off x="4055822" y="3222529"/>
            <a:ext cx="3242952" cy="2828156"/>
          </a:xfrm>
          <a:custGeom>
            <a:avLst/>
            <a:gdLst>
              <a:gd name="connsiteX0" fmla="*/ 2837178 w 3242952"/>
              <a:gd name="connsiteY0" fmla="*/ 0 h 2828156"/>
              <a:gd name="connsiteX1" fmla="*/ 3242952 w 3242952"/>
              <a:gd name="connsiteY1" fmla="*/ 0 h 2828156"/>
              <a:gd name="connsiteX2" fmla="*/ 3242952 w 3242952"/>
              <a:gd name="connsiteY2" fmla="*/ 2828156 h 2828156"/>
              <a:gd name="connsiteX3" fmla="*/ 0 w 3242952"/>
              <a:gd name="connsiteY3" fmla="*/ 2828156 h 2828156"/>
              <a:gd name="connsiteX4" fmla="*/ 0 w 3242952"/>
              <a:gd name="connsiteY4" fmla="*/ 2442859 h 2828156"/>
              <a:gd name="connsiteX5" fmla="*/ 2837178 w 3242952"/>
              <a:gd name="connsiteY5" fmla="*/ 2443295 h 28281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3242952" h="2828156">
                <a:moveTo>
                  <a:pt x="2837178" y="0"/>
                </a:moveTo>
                <a:lnTo>
                  <a:pt x="3242952" y="0"/>
                </a:lnTo>
                <a:lnTo>
                  <a:pt x="3242952" y="2828156"/>
                </a:lnTo>
                <a:lnTo>
                  <a:pt x="0" y="2828156"/>
                </a:lnTo>
                <a:lnTo>
                  <a:pt x="0" y="2442859"/>
                </a:lnTo>
                <a:lnTo>
                  <a:pt x="2837178" y="2443295"/>
                </a:lnTo>
                <a:close/>
              </a:path>
            </a:pathLst>
          </a:custGeom>
          <a:solidFill>
            <a:srgbClr val="4C4C4C"/>
          </a:solidFill>
          <a:ln w="0">
            <a:noFill/>
            <a:prstDash val="solid"/>
            <a:round/>
            <a:headEnd/>
            <a:tailEnd/>
          </a:ln>
        </p:spPr>
        <p:txBody>
          <a:bodyPr wrap="square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023B8A9-B9D0-4B50-843A-87ED49046A17}"/>
              </a:ext>
            </a:extLst>
          </p:cNvPr>
          <p:cNvSpPr txBox="1"/>
          <p:nvPr/>
        </p:nvSpPr>
        <p:spPr>
          <a:xfrm>
            <a:off x="7260677" y="1884045"/>
            <a:ext cx="4931323" cy="430720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3200" dirty="0"/>
              <a:t>Hardware accelerated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3200" dirty="0"/>
              <a:t>Receives data via </a:t>
            </a:r>
            <a:r>
              <a:rPr lang="en-US" sz="3200" dirty="0">
                <a:solidFill>
                  <a:schemeClr val="accent2"/>
                </a:solidFill>
              </a:rPr>
              <a:t>AXI Stream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3200" dirty="0">
                <a:solidFill>
                  <a:schemeClr val="accent2"/>
                </a:solidFill>
              </a:rPr>
              <a:t>Custom Linux Kernel driver </a:t>
            </a:r>
            <a:r>
              <a:rPr lang="en-US" sz="3200" dirty="0"/>
              <a:t>for it</a:t>
            </a:r>
          </a:p>
          <a:p>
            <a:pPr marL="285750" indent="-228600" defTabSz="9144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3200" dirty="0">
                <a:solidFill>
                  <a:schemeClr val="accent2"/>
                </a:solidFill>
              </a:rPr>
              <a:t>&gt; 250 % faster</a:t>
            </a:r>
          </a:p>
        </p:txBody>
      </p:sp>
    </p:spTree>
    <p:extLst>
      <p:ext uri="{BB962C8B-B14F-4D97-AF65-F5344CB8AC3E}">
        <p14:creationId xmlns:p14="http://schemas.microsoft.com/office/powerpoint/2010/main" val="12196496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304">
            <a:extLst>
              <a:ext uri="{FF2B5EF4-FFF2-40B4-BE49-F238E27FC236}">
                <a16:creationId xmlns:a16="http://schemas.microsoft.com/office/drawing/2014/main" id="{0487890B-D624-4054-8F9B-DE20350CC76E}"/>
              </a:ext>
            </a:extLst>
          </p:cNvPr>
          <p:cNvSpPr txBox="1"/>
          <p:nvPr/>
        </p:nvSpPr>
        <p:spPr>
          <a:xfrm>
            <a:off x="838200" y="365125"/>
            <a:ext cx="10515600" cy="1325563"/>
          </a:xfrm>
          <a:prstGeom prst="ellipse">
            <a:avLst/>
          </a:prstGeom>
        </p:spPr>
        <p:txBody>
          <a:bodyPr spcFirstLastPara="1" vert="horz" lIns="91440" tIns="45720" rIns="91440" bIns="45720" rtlCol="0" anchor="ctr" anchorCtr="0">
            <a:normAutofit/>
          </a:bodyPr>
          <a:lstStyle/>
          <a:p>
            <a:pPr marL="0" marR="0" lvl="0" indent="0" defTabSz="914400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100" b="0" i="0" u="none" strike="noStrike" kern="1200" cap="none">
                <a:solidFill>
                  <a:schemeClr val="tx1"/>
                </a:solidFill>
                <a:latin typeface="+mj-lt"/>
                <a:ea typeface="+mj-ea"/>
                <a:cs typeface="+mj-cs"/>
                <a:sym typeface="Arial"/>
              </a:rPr>
              <a:t>True Random Number Generator</a:t>
            </a:r>
            <a:endParaRPr lang="en-US" sz="4100" b="0" i="0" u="none" strike="noStrike" kern="1200" cap="none">
              <a:solidFill>
                <a:schemeClr val="tx1"/>
              </a:solidFill>
              <a:latin typeface="+mj-lt"/>
              <a:ea typeface="+mj-ea"/>
              <a:cs typeface="+mj-cs"/>
              <a:sym typeface="Cambria"/>
            </a:endParaRPr>
          </a:p>
        </p:txBody>
      </p:sp>
      <p:graphicFrame>
        <p:nvGraphicFramePr>
          <p:cNvPr id="80" name="TextBox 4">
            <a:extLst>
              <a:ext uri="{FF2B5EF4-FFF2-40B4-BE49-F238E27FC236}">
                <a16:creationId xmlns:a16="http://schemas.microsoft.com/office/drawing/2014/main" id="{E3E826A5-14D8-4980-8277-04081B80308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19987216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830040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EuMy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5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IaWRlRGF0ZSI6ZmFsc2UsIlNoYXBlU2l6ZSI6MSwiU3BhY2luZyI6MS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4LjAsIkhlaWdodCI6MjA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SwiRm9udE5hbWUiOiJDYWxpYnJp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UiLCJTaGFwZSI6MCwiU2hhcGVUaGlja25lc3MiOjEsIkR1cmF0aW9uRm9ybWF0IjowLCJJbmNsdWRlTm9uV29ya2luZ0RheXNJbkR1cmF0aW9uIjp0cnV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NDk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0OS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Y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NDk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NDk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E0MyIsIkxpbmVDb2xvciI6bnVsbCwiTGluZVdlaWdodCI6MC4wLCJMaW5lVHlwZSI6MCwiUGFyZW50U3R5bGUiOm51bGx9LCJQYXJlbnRTdHlsZSI6eyIkcmVmIjoiNzAifX0sIkRhdGVTdHlsZSI6eyIkaWQiOiIxNDQiLCJGb250U2V0dGluZ3MiOnsiJGlkIjoiMTQ1IiwiRm9udFNpemUiOjEwLCJGb250TmFtZSI6IkNhbGlicmkiLCJJc0JvbGQiOmZhbHNlLCJJc0l0YWxpYyI6ZmFsc2UsIklzVW5kZXJsaW5lZCI6ZmFsc2UsIlBhcmVudFN0eWxlIjp7IiRyZWYiOiI3OCJ9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TU5IiwiTGluZUNvbG9yIjpudWxsLCJMaW5lV2VpZ2h0IjowLjAsIkxpbmVUeXBlIjowLCJQYXJlbnRTdHlsZSI6bnVsbH0sIlBhcmVudFN0eWxlIjp7IiRyZWYiOiI3MCJ9fSwiRGF0ZVN0eWxlIjp7IiRpZCI6IjE2MCIsIkZvbnRTZXR0aW5ncyI6eyIkaWQiOiIxNj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xNzUiLCJMaW5lQ29sb3IiOm51bGwsIkxpbmVXZWlnaHQiOjAuMCwiTGluZVR5cGUiOjAsIlBhcmVudFN0eWxlIjpudWxsfSwiUGFyZW50U3R5bGUiOnsiJHJlZiI6IjcwIn19LCJEYXRlU3R5bGUiOnsiJGlkIjoiMTc2IiwiRm9udFNldHRpbmdzIjp7IiRpZCI6IjE3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g5IiwiTGluZUNvbG9yIjpudWxsLCJMaW5lV2VpZ2h0IjowLjAsIkxpbmVUeXBlIjowLCJQYXJlbnRTdHlsZSI6bnVsbH0sIlBhcmVudFN0eWxlIjp7IiRyZWYiOiI3MCJ9fSwiRGF0ZVN0eWxlIjp7IiRpZCI6IjE5MCIsIkZvbnRTZXR0aW5ncyI6eyIkaWQiOiIxOT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DUiLCJMaW5lQ29sb3IiOm51bGwsIkxpbmVXZWlnaHQiOjAuMCwiTGluZVR5cGUiOjAsIlBhcmVudFN0eWxlIjpudWxsfSwiUGFyZW50U3R5bGUiOnsiJHJlZiI6IjcwIn19LCJEYXRlU3R5bGUiOnsiJGlkIjoiMjA2IiwiRm9udFNldHRpbmdzIjp7IiRpZCI6IjIw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IxIiwiTGluZUNvbG9yIjpudWxsLCJMaW5lV2VpZ2h0IjowLjAsIkxpbmVUeXBlIjowLCJQYXJlbnRTdHlsZSI6bnVsbH0sIlBhcmVudFN0eWxlIjp7IiRyZWYiOiI3MCJ9fSwiRGF0ZVN0eWxlIjp7IiRpZCI6IjIyMiIsIkZvbnRTZXR0aW5ncyI6eyIkaWQiOiIyMjM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yOSIsIkxpbmVDb2xvciI6bnVsbCwiTGluZVdlaWdodCI6MC4wLCJMaW5lVHlwZSI6MCwiUGFyZW50U3R5bGUiOm51bGx9LCJQYXJlbnRTdHlsZSI6eyIkcmVmIjoiODYifX0sIkR1cmF0aW9uU3R5bGUiOnsiJGlkIjoiMjMwIiwiRm9udFNldHRpbmdzIjp7IiRpZCI6IjIzMSIsIkZvbnRTaXplIjoxMCwiRm9udE5hbWUiOiJDYWxpYnJpIiwiSXNCb2xkIjpmYWxzZSwiSXNJdGFsaWMiOmZhbHNlLCJJc1VuZGVybGluZWQiOmZhbHNlLCJQYXJlbnRTdHlsZSI6eyIkcmVmIjoiOTQifX0sIkF1dG9TaXplIjowLCJGb3JlZ3JvdW5kIjp7IiRpZCI6IjIzMiIsIkNvbG9yIjp7IiRpZCI6IjIz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M0IiwiTGluZUNvbG9yIjpudWxsLCJMaW5lV2VpZ2h0IjowLjAsIkxpbmVUeXBlIjowLCJQYXJlbnRTdHlsZSI6bnVsbH0sIlBhcmVudFN0eWxlIjp7IiRyZWYiOiI5MyJ9fSwiSG9yaXpvbnRhbENvbm5lY3RvclN0eWxlIjp7IiRpZCI6IjIzNSIsIkxpbmVDb2xvciI6eyIkcmVmIjoiMTAxIn0sIkxpbmVXZWlnaHQiOjEuMCwiTGluZVR5cGUiOjAsIlBhcmVudFN0eWxlIjp7IiRyZWYiOiIxMDAifX0sIlZlcnRpY2FsQ29ubmVjdG9yU3R5bGUiOnsiJGlkIjoiMjM2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Q1IiwiTGluZUNvbG9yIjpudWxsLCJMaW5lV2VpZ2h0IjowLjAsIkxpbmVUeXBlIjowLCJQYXJlbnRTdHlsZSI6bnVsbH0sIlBhcmVudFN0eWxlIjp7IiRyZWYiOiIxMTQifX0sIkRhdGVTdHlsZSI6eyIkaWQiOiIyNDYiLCJGb250U2V0dGluZ3MiOnsiJGlkIjoiMjQ3IiwiRm9udFNpemUiOjEwLCJGb250TmFtZSI6IkNhbGlicmkiLCJJc0JvbGQiOmZhbHNlLCJJc0l0YWxpYyI6ZmFsc2UsIklzVW5kZXJsaW5lZCI6ZmFsc2UsIlBhcmVudFN0eWxlIjp7IiRyZWYiOiIxMjIifX0sIkF1dG9TaXplIjowLCJGb3JlZ3JvdW5kIjp7IiRpZCI6IjI0OCIsIkNvbG9yIjp7IiRpZCI6IjI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1NSIsIkxpbmVDb2xvciI6bnVsbCwiTGluZVdlaWdodCI6MC4wLCJMaW5lVHlwZSI6MCwiUGFyZW50U3R5bGUiOm51bGx9LCJQYXJlbnRTdHlsZSI6eyIkcmVmIjoiODYifX0sIkR1cmF0aW9uU3R5bGUiOnsiJGlkIjoiMjU2IiwiRm9udFNldHRpbmdzIjp7IiRpZCI6IjI1NyIsIkZvbnRTaXplIjoxMCwiRm9udE5hbWUiOiJDYWxpYnJpIiwiSXNCb2xkIjpmYWxzZSwiSXNJdGFsaWMiOmZhbHNlLCJJc1VuZGVybGluZWQiOmZhbHNlLCJQYXJlbnRTdHlsZSI6eyIkcmVmIjoiOTQifX0sIkF1dG9TaXplIjowLCJGb3JlZ3JvdW5kIjp7IiRpZCI6IjI1OCIsIkNvbG9yIjp7IiRpZCI6IjI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YwIiwiTGluZUNvbG9yIjpudWxsLCJMaW5lV2VpZ2h0IjowLjAsIkxpbmVUeXBlIjowLCJQYXJlbnRTdHlsZSI6bnVsbH0sIlBhcmVudFN0eWxlIjp7IiRyZWYiOiI5MyJ9fSwiSG9yaXpvbnRhbENvbm5lY3RvclN0eWxlIjp7IiRpZCI6IjI2MSIsIkxpbmVDb2xvciI6eyIkcmVmIjoiMTAxIn0sIkxpbmVXZWlnaHQiOjEuMCwiTGluZVR5cGUiOjAsIlBhcmVudFN0eWxlIjp7IiRyZWYiOiIxMDAifX0sIlZlcnRpY2FsQ29ubmVjdG9yU3R5bGUiOnsiJGlkIjoiMj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YzIiwiTWFyZ2luIjp7IiRyZWYiOiIxMDcifSwiUGFkZGluZyI6eyIkcmVmIjoiMTA4In0sIkJhY2tncm91bmQiOnsiJGlkIjoiMjY0IiwiQ29sb3IiOnsiJGlkIjoiMjY1IiwiQSI6MjU1LCJSIjo3NSwiRyI6MTcyLCJCIjoxOTh9fSwiSXNWaXNpYmxlIjp0cnVlLCJXaWR0aCI6MC4wLCJIZWlnaHQiOjE2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eyIkcmVmIjoiMTA2In19LCJUaXRsZVN0eWxlIjp7IiRpZCI6IjI2OSIsIkZvbnRTZXR0aW5ncyI6eyIkaWQiOiIyNzA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cxIiwiTGluZUNvbG9yIjpudWxsLCJMaW5lV2VpZ2h0IjowLjAsIkxpbmVUeXBlIjowLCJQYXJlbnRTdHlsZSI6bnVsbH0sIlBhcmVudFN0eWxlIjp7IiRyZWYiOiIxMTQifX0sIkRhdGVTdHlsZSI6eyIkaWQiOiIyNzIiLCJGb250U2V0dGluZ3MiOnsiJGlkIjoiMjczIiwiRm9udFNpemUiOjEwLCJGb250TmFtZSI6IkNhbGlicmkiLCJJc0JvbGQiOmZhbHNlLCJJc0l0YWxpYyI6ZmFsc2UsIklzVW5kZXJsaW5lZCI6ZmFsc2UsIlBhcmVudFN0eWxlIjp7IiRyZWYiOiIxMjIifX0sIkF1dG9TaXplIjowLCJGb3JlZ3JvdW5kIjp7IiRpZCI6IjI3NCIsIkNvbG9yIjp7IiRpZCI6IjI3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c2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4MSIsIkxpbmVDb2xvciI6bnVsbCwiTGluZVdlaWdodCI6MC4wLCJMaW5lVHlwZSI6MCwiUGFyZW50U3R5bGUiOm51bGx9LCJQYXJlbnRTdHlsZSI6eyIkcmVmIjoiODYifX0sIkR1cmF0aW9uU3R5bGUiOnsiJGlkIjoiMjgyIiwiRm9udFNldHRpbmdzIjp7IiRpZCI6IjI4MyIsIkZvbnRTaXplIjoxMCwiRm9udE5hbWUiOiJDYWxpYnJpIiwiSXNCb2xkIjpmYWxzZSwiSXNJdGFsaWMiOmZhbHNlLCJJc1VuZGVybGluZWQiOmZhbHNlLCJQYXJlbnRTdHlsZSI6eyIkcmVmIjoiOTQifX0sIkF1dG9TaXplIjowLCJGb3JlZ3JvdW5kIjp7IiRpZCI6IjI4NCIsIkNvbG9yIjp7IiRpZCI6IjI4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g2IiwiTGluZUNvbG9yIjpudWxsLCJMaW5lV2VpZ2h0IjowLjAsIkxpbmVUeXBlIjowLCJQYXJlbnRTdHlsZSI6bnVsbH0sIlBhcmVudFN0eWxlIjp7IiRyZWYiOiI5MyJ9fSwiSG9yaXpvbnRhbENvbm5lY3RvclN0eWxlIjp7IiRpZCI6IjI4NyIsIkxpbmVDb2xvciI6eyIkcmVmIjoiMTAxIn0sIkxpbmVXZWlnaHQiOjEuMCwiTGluZVR5cGUiOjAsIlBhcmVudFN0eWxlIjp7IiRyZWYiOiIxMDAifX0sIlZlcnRpY2FsQ29ubmVjdG9yU3R5bGUiOnsiJGlkIjoiMjg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g5IiwiTWFyZ2luIjp7IiRyZWYiOiIxMDcifSwiUGFkZGluZyI6eyIkcmVmIjoiMTA4In0sIkJhY2tncm91bmQiOnsiJGlkIjoiMjkwIiwiQ29sb3IiOnsiJGlkIjoiMjkxIiwiQSI6MjU1LCJSIjoyNDcsIkciOjE1MCwiQiI6NzB9fSwiSXNWaXNpYmxlIjp0cnVlLCJXaWR0aCI6MC4wLCJIZWlnaHQiOjE2LjA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eyIkcmVmIjoiMTA2In19LCJUaXRsZVN0eWxlIjp7IiRpZCI6IjI5NSIsIkZvbnRTZXR0aW5ncyI6eyIkaWQiOiIyOTY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TdHlsZSI6eyIkaWQiOiIyOTgiLCJGb250U2V0dGluZ3MiOnsiJGlkIjoiMjk5IiwiRm9udFNpemUiOjEwLCJGb250TmFtZSI6IkNhbGlicmkiLCJJc0JvbGQiOmZhbHNlLCJJc0l0YWxpYyI6ZmFsc2UsIklzVW5kZXJsaW5lZCI6ZmFsc2UsIlBhcmVudFN0eWxlIjp7IiRyZWYiOiIxMjIifX0sIkF1dG9TaXplIjowLCJGb3JlZ3JvdW5kIjp7IiRpZCI6IjMwMCIsIkNvbG9yIjp7IiRpZCI6IjM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wNyIsIkxpbmVDb2xvciI6bnVsbCwiTGluZVdlaWdodCI6MC4wLCJMaW5lVHlwZSI6MCwiUGFyZW50U3R5bGUiOm51bGx9LCJQYXJlbnRTdHlsZSI6eyIkcmVmIjoiODYifX0sIkR1cmF0aW9uU3R5bGUiOnsiJGlkIjoiMzA4IiwiRm9udFNldHRpbmdzIjp7IiRpZCI6IjMwOSIsIkZvbnRTaXplIjoxMCwiRm9udE5hbWUiOiJDYWxpYnJpIiwiSXNCb2xkIjpmYWxzZSwiSXNJdGFsaWMiOmZhbHNlLCJJc1VuZGVybGluZWQiOmZhbHNlLCJQYXJlbnRTdHlsZSI6eyIkcmVmIjoiOTQifX0sIkF1dG9TaXplIjowLCJGb3JlZ3JvdW5kIjp7IiRpZCI6IjMxMCIsIkNvbG9yIjp7IiRpZCI6IjMx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EyIiwiTGluZUNvbG9yIjpudWxsLCJMaW5lV2VpZ2h0IjowLjAsIkxpbmVUeXBlIjowLCJQYXJlbnRTdHlsZSI6bnVsbH0sIlBhcmVudFN0eWxlIjp7IiRyZWYiOiI5MyJ9fSwiSG9yaXpvbnRhbENvbm5lY3RvclN0eWxlIjp7IiRpZCI6IjMxMyIsIkxpbmVDb2xvciI6eyIkcmVmIjoiMTAxIn0sIkxpbmVXZWlnaHQiOjEuMCwiTGluZVR5cGUiOjAsIlBhcmVudFN0eWxlIjp7IiRyZWYiOiIxMDAifX0sIlZlcnRpY2FsQ29ubmVjdG9yU3R5bGUiOnsiJGlkIjoiMzE0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jEiLCJMaW5lQ29sb3IiOm51bGwsIkxpbmVXZWlnaHQiOjAuMCwiTGluZVR5cGUiOjAsIlBhcmVudFN0eWxlIjpudWxsfSwiUGFyZW50U3R5bGUiOnsiJHJlZiI6IjExNCJ9fSwiRGF0ZVN0eWxlIjp7IiRpZCI6IjMyMiIsIkZvbnRTZXR0aW5ncyI6eyIkaWQiOiIzMjMiLCJGb250U2l6ZSI6MTAsIkZvbnROYW1lIjoiQ2FsaWJyaSIsIklzQm9sZCI6ZmFsc2UsIklzSXRhbGljIjpmYWxzZSwiSXNVbmRlcmxpbmVkIjpmYWxzZSwiUGFyZW50U3R5bGUiOnsiJHJlZiI6IjEyMiJ9fSwiQXV0b1NpemUiOjAsIkZvcmVncm91bmQiOnsiJGlkIjoiMzI0IiwiQ29sb3IiOnsiJGlkIjoiMzI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zMSIsIkxpbmVDb2xvciI6bnVsbCwiTGluZVdlaWdodCI6MC4wLCJMaW5lVHlwZSI6MCwiUGFyZW50U3R5bGUiOm51bGx9LCJQYXJlbnRTdHlsZSI6eyIkcmVmIjoiODYifX0sIkR1cmF0aW9uU3R5bGUiOnsiJGlkIjoiMzMyIiwiRm9udFNldHRpbmdzIjp7IiRpZCI6IjMzMyIsIkZvbnRTaXplIjoxMCwiRm9udE5hbWUiOiJDYWxpYnJpIiwiSXNCb2xkIjpmYWxzZSwiSXNJdGFsaWMiOmZhbHNlLCJJc1VuZGVybGluZWQiOmZhbHNlLCJQYXJlbnRTdHlsZSI6eyIkcmVmIjoiOTQifX0sIkF1dG9TaXplIjowLCJGb3JlZ3JvdW5kIjp7IiRpZCI6IjMzNCIsIkNvbG9yIjp7IiRpZCI6IjMz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M2IiwiTGluZUNvbG9yIjpudWxsLCJMaW5lV2VpZ2h0IjowLjAsIkxpbmVUeXBlIjowLCJQYXJlbnRTdHlsZSI6bnVsbH0sIlBhcmVudFN0eWxlIjp7IiRyZWYiOiI5MyJ9fSwiSG9yaXpvbnRhbENvbm5lY3RvclN0eWxlIjp7IiRpZCI6IjMzNyIsIkxpbmVDb2xvciI6eyIkcmVmIjoiMTAxIn0sIkxpbmVXZWlnaHQiOjEuMCwiTGluZVR5cGUiOjAsIlBhcmVudFN0eWxlIjp7IiRyZWYiOiIxMDAifX0sIlZlcnRpY2FsQ29ubmVjdG9yU3R5bGUiOnsiJGlkIjoiMzM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M5IiwiTWFyZ2luIjp7IiRyZWYiOiIxMDcifSwiUGFkZGluZyI6eyIkcmVmIjoiMTA4In0sIkJhY2tncm91bmQiOnsiJHJlZiI6IjEwOSJ9LCJJc1Zpc2libGUiOnRydWUsIldpZHRoIjowLjAsIkhlaWdodCI6MTY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7IiRyZWYiOiIxMDYifX0sIlRpdGxlU3R5bGUiOnsiJGlkIjoiMzQzIiwiRm9udFNldHRpbmdzIjp7IiRpZCI6IjM0N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VN0eWxlIjp7IiRpZCI6IjM0NiIsIkZvbnRTZXR0aW5ncyI6eyIkaWQiOiIzNDciLCJGb250U2l6ZSI6MTAsIkZvbnROYW1lIjoiQ2FsaWJyaSIsIklzQm9sZCI6ZmFsc2UsIklzSXRhbGljIjpmYWxzZSwiSXNVbmRlcmxpbmVkIjpmYWxzZSwiUGFyZW50U3R5bGUiOnsiJHJlZiI6IjEyMiJ9fSwiQXV0b1NpemUiOjAsIkZvcmVncm91bmQiOnsiJGlkIjoiMzQ4IiwiQ29sb3IiOnsiJGlkIjoiMzQ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1NSIsIkxpbmVDb2xvciI6bnVsbCwiTGluZVdlaWdodCI6MC4wLCJMaW5lVHlwZSI6MCwiUGFyZW50U3R5bGUiOm51bGx9LCJQYXJlbnRTdHlsZSI6eyIkcmVmIjoiODYifX0sIkR1cmF0aW9uU3R5bGUiOnsiJGlkIjoiMzU2IiwiRm9udFNldHRpbmdzIjp7IiRpZCI6IjM1NyIsIkZvbnRTaXplIjoxMCwiRm9udE5hbWUiOiJDYWxpYnJpIiwiSXNCb2xkIjpmYWxzZSwiSXNJdGFsaWMiOmZhbHNlLCJJc1VuZGVybGluZWQiOmZhbHNlLCJQYXJlbnRTdHlsZSI6eyIkcmVmIjoiOTQifX0sIkF1dG9TaXplIjowLCJGb3JlZ3JvdW5kIjp7IiRpZCI6IjM1OCIsIkNvbG9yIjp7IiRpZCI6IjM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YwIiwiTGluZUNvbG9yIjpudWxsLCJMaW5lV2VpZ2h0IjowLjAsIkxpbmVUeXBlIjowLCJQYXJlbnRTdHlsZSI6bnVsbH0sIlBhcmVudFN0eWxlIjp7IiRyZWYiOiI5MyJ9fSwiSG9yaXpvbnRhbENvbm5lY3RvclN0eWxlIjp7IiRpZCI6IjM2MSIsIkxpbmVDb2xvciI6eyIkcmVmIjoiMTAxIn0sIkxpbmVXZWlnaHQiOjEuMCwiTGluZVR5cGUiOjAsIlBhcmVudFN0eWxlIjp7IiRyZWYiOiIxMDAifX0sIlZlcnRpY2FsQ29ubmVjdG9yU3R5bGUiOnsiJGlkIjoiMz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YzIiwiTWFyZ2luIjp7IiRyZWYiOiIxMDcifSwiUGFkZGluZyI6eyIkaWQiOiIzNjQiLCJUb3AiOjAsIkxlZnQiOjAsIlJpZ2h0IjoyLCJCb3R0b20iOjB9LCJCYWNrZ3JvdW5kIjp7IiRpZCI6IjM2NSIsIkNvbG9yIjp7IiRpZCI6IjM2NiIsIkEiOjI1NSwiUiI6MTU1LCJHIjoxODcsIkIiOjg5fX0sIklzVmlzaWJsZSI6dHJ1ZSwiV2lkdGgiOjAuMCwiSGVpZ2h0IjoxNi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nsiJHJlZiI6IjEwNiJ9fSwiVGl0bGVTdHlsZSI6eyIkaWQiOiIzNzAiLCJGb250U2V0dGluZ3MiOnsiJGlkIjoiMzcxIiwiRm9udFNpemUiOjExLCJGb250TmFtZSI6IkNhbGlicmkiLCJJc0JvbGQiOnRydWUsIklzSXRhbGljIjpmYWxzZSwiSXNVbmRlcmxpbmVkIjpmYWxzZSwiUGFyZW50U3R5bGUiOnsiJHJlZiI6IjExNSJ9fSwiQXV0b1NpemUiOjAsIkZvcmVncm91bmQiOnsiJHJlZiI6IjExNiJ9LCJNYXhXaWR0aCI6MjguOTA0NTY3NzE4NTA1ODU5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3MiIsIkxpbmVDb2xvciI6bnVsbCwiTGluZVdlaWdodCI6MC4wLCJMaW5lVHlwZSI6MCwiUGFyZW50U3R5bGUiOm51bGx9LCJQYXJlbnRTdHlsZSI6eyIkcmVmIjoiMTE0In19LCJEYXRlU3R5bGUiOnsiJGlkIjoiMzczIiwiRm9udFNldHRpbmdzIjp7IiRpZCI6IjM3NCIsIkZvbnRTaXplIjoxMCwiRm9udE5hbWUiOiJDYWxpYnJpIiwiSXNCb2xkIjpmYWxzZSwiSXNJdGFsaWMiOmZhbHNlLCJJc1VuZGVybGluZWQiOmZhbHNlLCJQYXJlbnRTdHlsZSI6eyIkcmVmIjoiMTIyIn19LCJBdXRvU2l6ZSI6MCwiRm9yZWdyb3VuZCI6eyIkaWQiOiIzNzUiLCJDb2xvciI6eyIkaWQiOiIzN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zODE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F46216B-77A9-411A-B9D3-5023FCB70208}"/>
    </a:ext>
  </a:extLst>
</a:theme>
</file>

<file path=ppt/theme/theme2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明朝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2787</TotalTime>
  <Words>535</Words>
  <Application>Microsoft Office PowerPoint</Application>
  <PresentationFormat>Widescreen</PresentationFormat>
  <Paragraphs>141</Paragraphs>
  <Slides>2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0</vt:i4>
      </vt:variant>
    </vt:vector>
  </HeadingPairs>
  <TitlesOfParts>
    <vt:vector size="30" baseType="lpstr">
      <vt:lpstr>Arial</vt:lpstr>
      <vt:lpstr>Calibri</vt:lpstr>
      <vt:lpstr>Calibri Light</vt:lpstr>
      <vt:lpstr>Cambria</vt:lpstr>
      <vt:lpstr>Open Sans</vt:lpstr>
      <vt:lpstr>Symbol</vt:lpstr>
      <vt:lpstr>Times New Roman</vt:lpstr>
      <vt:lpstr>Titillium Web</vt:lpstr>
      <vt:lpstr>Office Theme</vt:lpstr>
      <vt:lpstr>Office Theme</vt:lpstr>
      <vt:lpstr>Beyond Vision</vt:lpstr>
      <vt:lpstr>Steganography</vt:lpstr>
      <vt:lpstr>Benefits of steganography</vt:lpstr>
      <vt:lpstr>Benefits of steganography</vt:lpstr>
      <vt:lpstr>Is steganography really useful?</vt:lpstr>
      <vt:lpstr>My solution</vt:lpstr>
      <vt:lpstr>Linux Kernel for Zybo ARM processor</vt:lpstr>
      <vt:lpstr>PowerPoint Presentation</vt:lpstr>
      <vt:lpstr>PowerPoint Presentation</vt:lpstr>
      <vt:lpstr>PowerPoint Presentation</vt:lpstr>
      <vt:lpstr>PowerPoint Presentation</vt:lpstr>
      <vt:lpstr>Performance  &gt; 300% faster</vt:lpstr>
      <vt:lpstr>Comparison</vt:lpstr>
      <vt:lpstr>Main features? </vt:lpstr>
      <vt:lpstr>Main features?</vt:lpstr>
      <vt:lpstr>Main features?</vt:lpstr>
      <vt:lpstr>PowerPoint Presentation</vt:lpstr>
      <vt:lpstr>PowerPoint Presentation</vt:lpstr>
      <vt:lpstr>Further developmen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yond Vision</dc:title>
  <dc:creator>Beniamin Bia</dc:creator>
  <cp:lastModifiedBy>Beniamin Bia</cp:lastModifiedBy>
  <cp:revision>1</cp:revision>
  <dcterms:created xsi:type="dcterms:W3CDTF">2019-05-08T09:04:34Z</dcterms:created>
  <dcterms:modified xsi:type="dcterms:W3CDTF">2019-05-10T18:31:24Z</dcterms:modified>
</cp:coreProperties>
</file>